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notesSlides/notesSlide2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3.xml" ContentType="application/vnd.openxmlformats-officedocument.presentationml.notesSlide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notesSlides/notesSlide4.xml" ContentType="application/vnd.openxmlformats-officedocument.presentationml.notesSlide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notesSlides/notesSlide5.xml" ContentType="application/vnd.openxmlformats-officedocument.presentationml.notesSlide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1"/>
  </p:sldMasterIdLst>
  <p:notesMasterIdLst>
    <p:notesMasterId r:id="rId22"/>
  </p:notesMasterIdLst>
  <p:sldIdLst>
    <p:sldId id="256" r:id="rId2"/>
    <p:sldId id="281" r:id="rId3"/>
    <p:sldId id="262" r:id="rId4"/>
    <p:sldId id="258" r:id="rId5"/>
    <p:sldId id="279" r:id="rId6"/>
    <p:sldId id="265" r:id="rId7"/>
    <p:sldId id="275" r:id="rId8"/>
    <p:sldId id="274" r:id="rId9"/>
    <p:sldId id="277" r:id="rId10"/>
    <p:sldId id="280" r:id="rId11"/>
    <p:sldId id="282" r:id="rId12"/>
    <p:sldId id="278" r:id="rId13"/>
    <p:sldId id="266" r:id="rId14"/>
    <p:sldId id="285" r:id="rId15"/>
    <p:sldId id="268" r:id="rId16"/>
    <p:sldId id="286" r:id="rId17"/>
    <p:sldId id="270" r:id="rId18"/>
    <p:sldId id="271" r:id="rId19"/>
    <p:sldId id="272" r:id="rId20"/>
    <p:sldId id="267" r:id="rId21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FFCC"/>
    <a:srgbClr val="E3FCFD"/>
    <a:srgbClr val="6FAFD7"/>
    <a:srgbClr val="489FFE"/>
    <a:srgbClr val="50CEF6"/>
    <a:srgbClr val="E1FCFF"/>
    <a:srgbClr val="F3F67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327" autoAdjust="0"/>
    <p:restoredTop sz="94660"/>
  </p:normalViewPr>
  <p:slideViewPr>
    <p:cSldViewPr>
      <p:cViewPr varScale="1">
        <p:scale>
          <a:sx n="67" d="100"/>
          <a:sy n="67" d="100"/>
        </p:scale>
        <p:origin x="-1446" y="-96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0_1">
  <dgm:title val=""/>
  <dgm:desc val=""/>
  <dgm:catLst>
    <dgm:cat type="mainScheme" pri="10100"/>
  </dgm:catLst>
  <dgm:styleLbl name="node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3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4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dk1">
        <a:alpha val="4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1">
        <a:shade val="8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1">
        <a:tint val="50000"/>
        <a:alpha val="4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0_1">
  <dgm:title val=""/>
  <dgm:desc val=""/>
  <dgm:catLst>
    <dgm:cat type="mainScheme" pri="10100"/>
  </dgm:catLst>
  <dgm:styleLbl name="node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lig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lnNode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vennNode1">
    <dgm:fillClrLst meth="repeat">
      <a:schemeClr val="lt1">
        <a:alpha val="50000"/>
      </a:schemeClr>
    </dgm:fillClrLst>
    <dgm:linClrLst meth="repeat">
      <a:schemeClr val="dk1">
        <a:shade val="80000"/>
      </a:schemeClr>
    </dgm:linClrLst>
    <dgm:effectClrLst/>
    <dgm:txLinClrLst/>
    <dgm:txFillClrLst/>
    <dgm:txEffectClrLst/>
  </dgm:styleLbl>
  <dgm:styleLbl name="node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node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dk1">
        <a:tint val="40000"/>
      </a:schemeClr>
    </dgm:fillClrLst>
    <dgm:linClrLst meth="repeat">
      <a:schemeClr val="dk1">
        <a:shade val="80000"/>
      </a:schemeClr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f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bgSib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 meth="repeat">
      <a:schemeClr val="dk1"/>
    </dgm:txFillClrLst>
    <dgm:txEffectClrLst/>
  </dgm:styleLbl>
  <dgm:styleLbl name="sibTrans1D1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1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2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3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asst4">
    <dgm:fillClrLst meth="repeat">
      <a:schemeClr val="lt1"/>
    </dgm:fillClrLst>
    <dgm:linClrLst meth="repeat">
      <a:schemeClr val="dk1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parChTrans2D1">
    <dgm:fillClrLst meth="repeat">
      <a:schemeClr val="dk1">
        <a:tint val="60000"/>
      </a:schemeClr>
    </dgm:fillClrLst>
    <dgm:linClrLst meth="repeat">
      <a:schemeClr val="dk1">
        <a:tint val="60000"/>
      </a:schemeClr>
    </dgm:linClrLst>
    <dgm:effectClrLst/>
    <dgm:txLinClrLst/>
    <dgm:txFillClrLst/>
    <dgm:txEffectClrLst/>
  </dgm:styleLbl>
  <dgm:styleLbl name="parChTrans2D2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3">
    <dgm:fillClrLst meth="repeat">
      <a:schemeClr val="dk1"/>
    </dgm:fillClrLst>
    <dgm:linClrLst meth="repeat">
      <a:schemeClr val="dk1"/>
    </dgm:linClrLst>
    <dgm:effectClrLst/>
    <dgm:txLinClrLst/>
    <dgm:txFillClrLst/>
    <dgm:txEffectClrLst/>
  </dgm:styleLbl>
  <dgm:styleLbl name="parChTrans2D4">
    <dgm:fillClrLst meth="repeat">
      <a:schemeClr val="dk1"/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1"/>
    </dgm:fillClrLst>
    <dgm:linClrLst meth="repeat">
      <a:schemeClr val="dk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1"/>
    </dgm:fillClrLst>
    <dgm:linClrLst meth="repeat">
      <a:schemeClr val="dk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dk1">
        <a:alpha val="4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lt1">
        <a:alpha val="90000"/>
        <a:tint val="40000"/>
      </a:schemeClr>
    </dgm:fillClrLst>
    <dgm:linClrLst meth="repeat">
      <a:schemeClr val="dk1"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dk1">
        <a:alpha val="90000"/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1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1">
        <a:shade val="8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1">
        <a:tint val="50000"/>
        <a:alpha val="4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9B08410-0772-4365-A4D4-4D2F96D3D08F}" type="doc">
      <dgm:prSet loTypeId="urn:microsoft.com/office/officeart/2005/8/layout/process3" loCatId="process" qsTypeId="urn:microsoft.com/office/officeart/2005/8/quickstyle/simple1" qsCatId="simple" csTypeId="urn:microsoft.com/office/officeart/2005/8/colors/accent0_1" csCatId="mainScheme" phldr="1"/>
      <dgm:spPr/>
      <dgm:t>
        <a:bodyPr/>
        <a:lstStyle/>
        <a:p>
          <a:endParaRPr lang="en-US"/>
        </a:p>
      </dgm:t>
    </dgm:pt>
    <dgm:pt modelId="{543038C3-896D-4EE6-AE5D-A2C212B58738}">
      <dgm:prSet phldrT="[Text]"/>
      <dgm:spPr>
        <a:solidFill>
          <a:srgbClr val="FFFFCC"/>
        </a:solidFill>
      </dgm:spPr>
      <dgm:t>
        <a:bodyPr/>
        <a:lstStyle/>
        <a:p>
          <a:r>
            <a:rPr lang="en-US" dirty="0" smtClean="0"/>
            <a:t>Short-term scans</a:t>
          </a:r>
          <a:endParaRPr lang="en-US" dirty="0"/>
        </a:p>
      </dgm:t>
    </dgm:pt>
    <dgm:pt modelId="{324DA0EB-E467-4D6D-8432-2B6959686A3A}" type="parTrans" cxnId="{7E7FF77D-2AD5-4F40-A57B-56AB0491B79F}">
      <dgm:prSet/>
      <dgm:spPr/>
      <dgm:t>
        <a:bodyPr/>
        <a:lstStyle/>
        <a:p>
          <a:endParaRPr lang="en-US"/>
        </a:p>
      </dgm:t>
    </dgm:pt>
    <dgm:pt modelId="{CFB50611-F5C6-4EA3-8F6D-BA8715A8194B}" type="sibTrans" cxnId="{7E7FF77D-2AD5-4F40-A57B-56AB0491B79F}">
      <dgm:prSet/>
      <dgm:spPr/>
      <dgm:t>
        <a:bodyPr/>
        <a:lstStyle/>
        <a:p>
          <a:endParaRPr lang="en-US"/>
        </a:p>
      </dgm:t>
    </dgm:pt>
    <dgm:pt modelId="{430AD372-FF95-42BF-8344-3B484EEE43F4}">
      <dgm:prSet phldrT="[Text]"/>
      <dgm:spPr/>
      <dgm:t>
        <a:bodyPr/>
        <a:lstStyle/>
        <a:p>
          <a:r>
            <a:rPr lang="en-US" dirty="0" smtClean="0"/>
            <a:t>Trends</a:t>
          </a:r>
          <a:endParaRPr lang="en-US" dirty="0"/>
        </a:p>
      </dgm:t>
    </dgm:pt>
    <dgm:pt modelId="{EC9B1A82-5BF4-4D6F-8F82-4AC54D5FE0DE}" type="parTrans" cxnId="{91159EE0-D399-4B23-9EF2-620BAE7A38A2}">
      <dgm:prSet/>
      <dgm:spPr/>
      <dgm:t>
        <a:bodyPr/>
        <a:lstStyle/>
        <a:p>
          <a:endParaRPr lang="en-US"/>
        </a:p>
      </dgm:t>
    </dgm:pt>
    <dgm:pt modelId="{6767A776-9BC3-40D3-8F66-1C3FFA4492DC}" type="sibTrans" cxnId="{91159EE0-D399-4B23-9EF2-620BAE7A38A2}">
      <dgm:prSet/>
      <dgm:spPr/>
      <dgm:t>
        <a:bodyPr/>
        <a:lstStyle/>
        <a:p>
          <a:endParaRPr lang="en-US"/>
        </a:p>
      </dgm:t>
    </dgm:pt>
    <dgm:pt modelId="{BF1024C5-E688-4C93-A6B3-B839DA077E7F}">
      <dgm:prSet phldrT="[Text]">
        <dgm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dgm:style>
      </dgm:prSet>
      <dgm:spPr>
        <a:ln/>
      </dgm:spPr>
      <dgm:t>
        <a:bodyPr/>
        <a:lstStyle/>
        <a:p>
          <a:r>
            <a:rPr lang="en-US" dirty="0" smtClean="0"/>
            <a:t>Long-term strategic innovations</a:t>
          </a:r>
          <a:endParaRPr lang="en-US" dirty="0"/>
        </a:p>
      </dgm:t>
    </dgm:pt>
    <dgm:pt modelId="{D3320BC0-B68F-4811-8A77-EC09C1D69B95}" type="parTrans" cxnId="{7DD44C5D-430E-4655-9A9E-B64229C45FBC}">
      <dgm:prSet/>
      <dgm:spPr/>
      <dgm:t>
        <a:bodyPr/>
        <a:lstStyle/>
        <a:p>
          <a:endParaRPr lang="en-US"/>
        </a:p>
      </dgm:t>
    </dgm:pt>
    <dgm:pt modelId="{0348948F-CC20-4398-80D6-87886A50A06C}" type="sibTrans" cxnId="{7DD44C5D-430E-4655-9A9E-B64229C45FBC}">
      <dgm:prSet/>
      <dgm:spPr/>
      <dgm:t>
        <a:bodyPr/>
        <a:lstStyle/>
        <a:p>
          <a:endParaRPr lang="en-US"/>
        </a:p>
      </dgm:t>
    </dgm:pt>
    <dgm:pt modelId="{3143A574-D986-4FB6-8B79-986282A5BAFA}">
      <dgm:prSet phldrT="[Text]"/>
      <dgm:spPr/>
      <dgm:t>
        <a:bodyPr/>
        <a:lstStyle/>
        <a:p>
          <a:r>
            <a:rPr lang="en-US" dirty="0" smtClean="0"/>
            <a:t>Pilots =&gt; demonstrations</a:t>
          </a:r>
          <a:endParaRPr lang="en-US" dirty="0"/>
        </a:p>
      </dgm:t>
    </dgm:pt>
    <dgm:pt modelId="{FF1B757A-A51C-429F-9235-6672A9F4ECBA}" type="parTrans" cxnId="{897E83E7-347D-4577-9F87-9BF835C9F51D}">
      <dgm:prSet/>
      <dgm:spPr/>
      <dgm:t>
        <a:bodyPr/>
        <a:lstStyle/>
        <a:p>
          <a:endParaRPr lang="en-US"/>
        </a:p>
      </dgm:t>
    </dgm:pt>
    <dgm:pt modelId="{3B7609EC-03AF-4729-BE18-E1A86795898C}" type="sibTrans" cxnId="{897E83E7-347D-4577-9F87-9BF835C9F51D}">
      <dgm:prSet/>
      <dgm:spPr/>
      <dgm:t>
        <a:bodyPr/>
        <a:lstStyle/>
        <a:p>
          <a:endParaRPr lang="en-US"/>
        </a:p>
      </dgm:t>
    </dgm:pt>
    <dgm:pt modelId="{D590B16F-53C4-4335-895F-7755E709B1C9}">
      <dgm:prSet phldrT="[Text]"/>
      <dgm:spPr/>
      <dgm:t>
        <a:bodyPr/>
        <a:lstStyle/>
        <a:p>
          <a:r>
            <a:rPr lang="en-US" dirty="0" smtClean="0"/>
            <a:t>Needs</a:t>
          </a:r>
          <a:endParaRPr lang="en-US" dirty="0"/>
        </a:p>
      </dgm:t>
    </dgm:pt>
    <dgm:pt modelId="{28F0C8DE-E018-4615-BDD0-024B02DEECD1}" type="parTrans" cxnId="{363FA1A5-38D7-48F3-9E0B-737C249F1F6D}">
      <dgm:prSet/>
      <dgm:spPr/>
      <dgm:t>
        <a:bodyPr/>
        <a:lstStyle/>
        <a:p>
          <a:endParaRPr lang="en-US"/>
        </a:p>
      </dgm:t>
    </dgm:pt>
    <dgm:pt modelId="{AF3ED6B1-94F3-4E8C-827B-4332E8DA58F4}" type="sibTrans" cxnId="{363FA1A5-38D7-48F3-9E0B-737C249F1F6D}">
      <dgm:prSet/>
      <dgm:spPr/>
      <dgm:t>
        <a:bodyPr/>
        <a:lstStyle/>
        <a:p>
          <a:endParaRPr lang="en-US"/>
        </a:p>
      </dgm:t>
    </dgm:pt>
    <dgm:pt modelId="{9879C56D-0210-4997-B55E-63D9FA86C6F1}">
      <dgm:prSet phldrT="[Text]"/>
      <dgm:spPr/>
      <dgm:t>
        <a:bodyPr/>
        <a:lstStyle/>
        <a:p>
          <a:r>
            <a:rPr lang="en-US" dirty="0" smtClean="0"/>
            <a:t>Strengths</a:t>
          </a:r>
          <a:endParaRPr lang="en-US" dirty="0"/>
        </a:p>
      </dgm:t>
    </dgm:pt>
    <dgm:pt modelId="{1838FF0A-9236-4AC6-A2AC-E159E3617FFC}" type="parTrans" cxnId="{95A36255-A541-4B65-B49D-5BFA43012E95}">
      <dgm:prSet/>
      <dgm:spPr/>
      <dgm:t>
        <a:bodyPr/>
        <a:lstStyle/>
        <a:p>
          <a:endParaRPr lang="en-US"/>
        </a:p>
      </dgm:t>
    </dgm:pt>
    <dgm:pt modelId="{72C4F059-D454-4B8C-B2C5-6F9BFB6BD2F8}" type="sibTrans" cxnId="{95A36255-A541-4B65-B49D-5BFA43012E95}">
      <dgm:prSet/>
      <dgm:spPr/>
      <dgm:t>
        <a:bodyPr/>
        <a:lstStyle/>
        <a:p>
          <a:endParaRPr lang="en-US"/>
        </a:p>
      </dgm:t>
    </dgm:pt>
    <dgm:pt modelId="{9D8595E5-3ABB-421D-9F69-5502F71E2AD7}">
      <dgm:prSet phldrT="[Text]"/>
      <dgm:spPr/>
      <dgm:t>
        <a:bodyPr/>
        <a:lstStyle/>
        <a:p>
          <a:r>
            <a:rPr lang="en-US" dirty="0" smtClean="0"/>
            <a:t>Profiles</a:t>
          </a:r>
          <a:endParaRPr lang="en-US" dirty="0"/>
        </a:p>
      </dgm:t>
    </dgm:pt>
    <dgm:pt modelId="{6C625EC2-FB86-451F-A732-8CF633FE2252}" type="parTrans" cxnId="{BA51E7C7-B648-4616-BA73-1FE8D2293A65}">
      <dgm:prSet/>
      <dgm:spPr/>
      <dgm:t>
        <a:bodyPr/>
        <a:lstStyle/>
        <a:p>
          <a:endParaRPr lang="en-US"/>
        </a:p>
      </dgm:t>
    </dgm:pt>
    <dgm:pt modelId="{91629B3E-C341-4A71-B573-84074ECDDBC4}" type="sibTrans" cxnId="{BA51E7C7-B648-4616-BA73-1FE8D2293A65}">
      <dgm:prSet/>
      <dgm:spPr/>
      <dgm:t>
        <a:bodyPr/>
        <a:lstStyle/>
        <a:p>
          <a:endParaRPr lang="en-US"/>
        </a:p>
      </dgm:t>
    </dgm:pt>
    <dgm:pt modelId="{4777CCEF-4997-4CAF-BF48-557304AF5F78}">
      <dgm:prSet/>
      <dgm:spPr/>
      <dgm:t>
        <a:bodyPr/>
        <a:lstStyle/>
        <a:p>
          <a:r>
            <a:rPr lang="en-US" dirty="0" smtClean="0"/>
            <a:t>Evidence pool</a:t>
          </a:r>
          <a:endParaRPr lang="en-US" dirty="0"/>
        </a:p>
      </dgm:t>
    </dgm:pt>
    <dgm:pt modelId="{C007CA8A-AB88-4FA5-B575-C53FEA5DB5B5}" type="parTrans" cxnId="{468D7527-3F43-4F66-AA24-D25E296AE350}">
      <dgm:prSet/>
      <dgm:spPr/>
      <dgm:t>
        <a:bodyPr/>
        <a:lstStyle/>
        <a:p>
          <a:endParaRPr lang="en-US"/>
        </a:p>
      </dgm:t>
    </dgm:pt>
    <dgm:pt modelId="{419CD345-7A5B-4FA7-9BAB-E8584D3A4080}" type="sibTrans" cxnId="{468D7527-3F43-4F66-AA24-D25E296AE350}">
      <dgm:prSet/>
      <dgm:spPr/>
      <dgm:t>
        <a:bodyPr/>
        <a:lstStyle/>
        <a:p>
          <a:endParaRPr lang="en-US"/>
        </a:p>
      </dgm:t>
    </dgm:pt>
    <dgm:pt modelId="{E3757454-FFA0-4863-9750-02FBF1AB0404}">
      <dgm:prSet/>
      <dgm:spPr/>
      <dgm:t>
        <a:bodyPr/>
        <a:lstStyle/>
        <a:p>
          <a:r>
            <a:rPr lang="en-US" dirty="0" smtClean="0"/>
            <a:t>Repository, reports, published articles</a:t>
          </a:r>
          <a:endParaRPr lang="en-US" dirty="0"/>
        </a:p>
      </dgm:t>
    </dgm:pt>
    <dgm:pt modelId="{CB920303-47CF-40B0-B19B-F583D28F03D3}" type="parTrans" cxnId="{72CB603A-1C0C-4BCE-8C8B-5C8364CA8B41}">
      <dgm:prSet/>
      <dgm:spPr/>
      <dgm:t>
        <a:bodyPr/>
        <a:lstStyle/>
        <a:p>
          <a:endParaRPr lang="en-US"/>
        </a:p>
      </dgm:t>
    </dgm:pt>
    <dgm:pt modelId="{493A3673-8C72-4546-B424-0B8BAC9F5196}" type="sibTrans" cxnId="{72CB603A-1C0C-4BCE-8C8B-5C8364CA8B41}">
      <dgm:prSet/>
      <dgm:spPr/>
      <dgm:t>
        <a:bodyPr/>
        <a:lstStyle/>
        <a:p>
          <a:endParaRPr lang="en-US"/>
        </a:p>
      </dgm:t>
    </dgm:pt>
    <dgm:pt modelId="{CA33E748-1F71-4839-9944-30CA3E6541CD}">
      <dgm:prSet/>
      <dgm:spPr/>
      <dgm:t>
        <a:bodyPr/>
        <a:lstStyle/>
        <a:p>
          <a:r>
            <a:rPr lang="en-US" dirty="0" smtClean="0"/>
            <a:t>Database</a:t>
          </a:r>
          <a:endParaRPr lang="en-US" dirty="0"/>
        </a:p>
      </dgm:t>
    </dgm:pt>
    <dgm:pt modelId="{85B1F87B-2165-48C2-8AC3-C4372605EE4C}" type="parTrans" cxnId="{9C97F287-4F80-44F2-BAFF-839B5F6FB473}">
      <dgm:prSet/>
      <dgm:spPr/>
      <dgm:t>
        <a:bodyPr/>
        <a:lstStyle/>
        <a:p>
          <a:endParaRPr lang="en-US"/>
        </a:p>
      </dgm:t>
    </dgm:pt>
    <dgm:pt modelId="{A6E396DD-56BE-4E1E-A159-7CE855B6F001}" type="sibTrans" cxnId="{9C97F287-4F80-44F2-BAFF-839B5F6FB473}">
      <dgm:prSet/>
      <dgm:spPr/>
      <dgm:t>
        <a:bodyPr/>
        <a:lstStyle/>
        <a:p>
          <a:endParaRPr lang="en-US"/>
        </a:p>
      </dgm:t>
    </dgm:pt>
    <dgm:pt modelId="{CE053348-997F-42C3-A141-8206F4948902}" type="pres">
      <dgm:prSet presAssocID="{69B08410-0772-4365-A4D4-4D2F96D3D08F}" presName="linearFlow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3DD64517-F3CB-4DB8-A320-39631F1CEC2B}" type="pres">
      <dgm:prSet presAssocID="{543038C3-896D-4EE6-AE5D-A2C212B58738}" presName="composite" presStyleCnt="0"/>
      <dgm:spPr/>
    </dgm:pt>
    <dgm:pt modelId="{0545E395-1CD7-48C6-A0AE-BA1652F3BB89}" type="pres">
      <dgm:prSet presAssocID="{543038C3-896D-4EE6-AE5D-A2C212B58738}" presName="parTx" presStyleLbl="node1" presStyleIdx="0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ED6AEA1-AE4E-45C5-962E-92843E6BFB18}" type="pres">
      <dgm:prSet presAssocID="{543038C3-896D-4EE6-AE5D-A2C212B58738}" presName="parSh" presStyleLbl="node1" presStyleIdx="0" presStyleCnt="3"/>
      <dgm:spPr/>
      <dgm:t>
        <a:bodyPr/>
        <a:lstStyle/>
        <a:p>
          <a:endParaRPr lang="en-US"/>
        </a:p>
      </dgm:t>
    </dgm:pt>
    <dgm:pt modelId="{0EEB52EC-1436-407E-AF2D-D9DF4F2B33A4}" type="pres">
      <dgm:prSet presAssocID="{543038C3-896D-4EE6-AE5D-A2C212B58738}" presName="desTx" presStyleLbl="fgAcc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1095E0E-A7C9-484B-81D4-189608044AD6}" type="pres">
      <dgm:prSet presAssocID="{CFB50611-F5C6-4EA3-8F6D-BA8715A8194B}" presName="sibTrans" presStyleLbl="sibTrans2D1" presStyleIdx="0" presStyleCnt="2"/>
      <dgm:spPr/>
      <dgm:t>
        <a:bodyPr/>
        <a:lstStyle/>
        <a:p>
          <a:endParaRPr lang="en-US"/>
        </a:p>
      </dgm:t>
    </dgm:pt>
    <dgm:pt modelId="{5D94AD0F-1AB5-4CC2-892B-7F049905AD1C}" type="pres">
      <dgm:prSet presAssocID="{CFB50611-F5C6-4EA3-8F6D-BA8715A8194B}" presName="connTx" presStyleLbl="sibTrans2D1" presStyleIdx="0" presStyleCnt="2"/>
      <dgm:spPr/>
      <dgm:t>
        <a:bodyPr/>
        <a:lstStyle/>
        <a:p>
          <a:endParaRPr lang="en-US"/>
        </a:p>
      </dgm:t>
    </dgm:pt>
    <dgm:pt modelId="{E5C821D9-B694-4339-BF1D-287B09D239E6}" type="pres">
      <dgm:prSet presAssocID="{BF1024C5-E688-4C93-A6B3-B839DA077E7F}" presName="composite" presStyleCnt="0"/>
      <dgm:spPr/>
    </dgm:pt>
    <dgm:pt modelId="{A6BD4D9A-2F1E-4B15-8B26-D53374B08CF5}" type="pres">
      <dgm:prSet presAssocID="{BF1024C5-E688-4C93-A6B3-B839DA077E7F}" presName="parTx" presStyleLbl="node1" presStyleIdx="0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E72DE3-37FC-4C68-84C3-2DC908DCD55F}" type="pres">
      <dgm:prSet presAssocID="{BF1024C5-E688-4C93-A6B3-B839DA077E7F}" presName="parSh" presStyleLbl="node1" presStyleIdx="1" presStyleCnt="3"/>
      <dgm:spPr/>
      <dgm:t>
        <a:bodyPr/>
        <a:lstStyle/>
        <a:p>
          <a:endParaRPr lang="en-US"/>
        </a:p>
      </dgm:t>
    </dgm:pt>
    <dgm:pt modelId="{3D884D10-733F-4997-8F85-2AC1A0C0FC8D}" type="pres">
      <dgm:prSet presAssocID="{BF1024C5-E688-4C93-A6B3-B839DA077E7F}" presName="desTx" presStyleLbl="fgAcc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BA55427-FF8E-404E-81D0-A7C3B048B81D}" type="pres">
      <dgm:prSet presAssocID="{0348948F-CC20-4398-80D6-87886A50A06C}" presName="sibTrans" presStyleLbl="sibTrans2D1" presStyleIdx="1" presStyleCnt="2"/>
      <dgm:spPr/>
      <dgm:t>
        <a:bodyPr/>
        <a:lstStyle/>
        <a:p>
          <a:endParaRPr lang="en-US"/>
        </a:p>
      </dgm:t>
    </dgm:pt>
    <dgm:pt modelId="{0AADB93F-347D-4290-B9CE-0DC3FA0D3506}" type="pres">
      <dgm:prSet presAssocID="{0348948F-CC20-4398-80D6-87886A50A06C}" presName="connTx" presStyleLbl="sibTrans2D1" presStyleIdx="1" presStyleCnt="2"/>
      <dgm:spPr/>
      <dgm:t>
        <a:bodyPr/>
        <a:lstStyle/>
        <a:p>
          <a:endParaRPr lang="en-US"/>
        </a:p>
      </dgm:t>
    </dgm:pt>
    <dgm:pt modelId="{BD84FC11-D4C1-4B8F-A8C4-AC506DC87ABA}" type="pres">
      <dgm:prSet presAssocID="{4777CCEF-4997-4CAF-BF48-557304AF5F78}" presName="composite" presStyleCnt="0"/>
      <dgm:spPr/>
    </dgm:pt>
    <dgm:pt modelId="{8B201E61-C956-478D-9DC6-02D571516915}" type="pres">
      <dgm:prSet presAssocID="{4777CCEF-4997-4CAF-BF48-557304AF5F78}" presName="parTx" presStyleLbl="node1" presStyleIdx="1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980C281-FE53-4055-ACE8-48BC9A8AEBDF}" type="pres">
      <dgm:prSet presAssocID="{4777CCEF-4997-4CAF-BF48-557304AF5F78}" presName="parSh" presStyleLbl="node1" presStyleIdx="2" presStyleCnt="3"/>
      <dgm:spPr/>
      <dgm:t>
        <a:bodyPr/>
        <a:lstStyle/>
        <a:p>
          <a:endParaRPr lang="en-US"/>
        </a:p>
      </dgm:t>
    </dgm:pt>
    <dgm:pt modelId="{24790996-4FE2-4803-8C62-763418840682}" type="pres">
      <dgm:prSet presAssocID="{4777CCEF-4997-4CAF-BF48-557304AF5F78}" presName="desTx" presStyleLbl="fgAcc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3157E096-D5AF-438D-B31D-833ABE629D71}" type="presOf" srcId="{4777CCEF-4997-4CAF-BF48-557304AF5F78}" destId="{7980C281-FE53-4055-ACE8-48BC9A8AEBDF}" srcOrd="1" destOrd="0" presId="urn:microsoft.com/office/officeart/2005/8/layout/process3"/>
    <dgm:cxn modelId="{B030C08D-4890-4D03-99C9-8D640724510D}" type="presOf" srcId="{9D8595E5-3ABB-421D-9F69-5502F71E2AD7}" destId="{0EEB52EC-1436-407E-AF2D-D9DF4F2B33A4}" srcOrd="0" destOrd="1" presId="urn:microsoft.com/office/officeart/2005/8/layout/process3"/>
    <dgm:cxn modelId="{7DD44C5D-430E-4655-9A9E-B64229C45FBC}" srcId="{69B08410-0772-4365-A4D4-4D2F96D3D08F}" destId="{BF1024C5-E688-4C93-A6B3-B839DA077E7F}" srcOrd="1" destOrd="0" parTransId="{D3320BC0-B68F-4811-8A77-EC09C1D69B95}" sibTransId="{0348948F-CC20-4398-80D6-87886A50A06C}"/>
    <dgm:cxn modelId="{AE87FA42-05E6-4C9A-93A9-8F65A3C43071}" type="presOf" srcId="{430AD372-FF95-42BF-8344-3B484EEE43F4}" destId="{0EEB52EC-1436-407E-AF2D-D9DF4F2B33A4}" srcOrd="0" destOrd="0" presId="urn:microsoft.com/office/officeart/2005/8/layout/process3"/>
    <dgm:cxn modelId="{2B030F16-A1DE-4405-BA14-8118060178C7}" type="presOf" srcId="{BF1024C5-E688-4C93-A6B3-B839DA077E7F}" destId="{84E72DE3-37FC-4C68-84C3-2DC908DCD55F}" srcOrd="1" destOrd="0" presId="urn:microsoft.com/office/officeart/2005/8/layout/process3"/>
    <dgm:cxn modelId="{79333FA6-25F0-4523-A180-32028A6703F5}" type="presOf" srcId="{69B08410-0772-4365-A4D4-4D2F96D3D08F}" destId="{CE053348-997F-42C3-A141-8206F4948902}" srcOrd="0" destOrd="0" presId="urn:microsoft.com/office/officeart/2005/8/layout/process3"/>
    <dgm:cxn modelId="{4D05F9F1-F583-4ACD-85A1-4A4442C9102E}" type="presOf" srcId="{BF1024C5-E688-4C93-A6B3-B839DA077E7F}" destId="{A6BD4D9A-2F1E-4B15-8B26-D53374B08CF5}" srcOrd="0" destOrd="0" presId="urn:microsoft.com/office/officeart/2005/8/layout/process3"/>
    <dgm:cxn modelId="{363FA1A5-38D7-48F3-9E0B-737C249F1F6D}" srcId="{543038C3-896D-4EE6-AE5D-A2C212B58738}" destId="{D590B16F-53C4-4335-895F-7755E709B1C9}" srcOrd="2" destOrd="0" parTransId="{28F0C8DE-E018-4615-BDD0-024B02DEECD1}" sibTransId="{AF3ED6B1-94F3-4E8C-827B-4332E8DA58F4}"/>
    <dgm:cxn modelId="{3A6313C8-37D8-406F-9F6A-D6259A8F417D}" type="presOf" srcId="{0348948F-CC20-4398-80D6-87886A50A06C}" destId="{9BA55427-FF8E-404E-81D0-A7C3B048B81D}" srcOrd="0" destOrd="0" presId="urn:microsoft.com/office/officeart/2005/8/layout/process3"/>
    <dgm:cxn modelId="{D03A693C-A384-43E9-897F-78055E07321B}" type="presOf" srcId="{9879C56D-0210-4997-B55E-63D9FA86C6F1}" destId="{0EEB52EC-1436-407E-AF2D-D9DF4F2B33A4}" srcOrd="0" destOrd="3" presId="urn:microsoft.com/office/officeart/2005/8/layout/process3"/>
    <dgm:cxn modelId="{BC85DC88-D5A7-4033-ADB2-77FA81714AEE}" type="presOf" srcId="{0348948F-CC20-4398-80D6-87886A50A06C}" destId="{0AADB93F-347D-4290-B9CE-0DC3FA0D3506}" srcOrd="1" destOrd="0" presId="urn:microsoft.com/office/officeart/2005/8/layout/process3"/>
    <dgm:cxn modelId="{448B3DFD-A89D-4E8F-8AAA-8CA042DB1035}" type="presOf" srcId="{D590B16F-53C4-4335-895F-7755E709B1C9}" destId="{0EEB52EC-1436-407E-AF2D-D9DF4F2B33A4}" srcOrd="0" destOrd="2" presId="urn:microsoft.com/office/officeart/2005/8/layout/process3"/>
    <dgm:cxn modelId="{8C413F0B-BA37-4098-AAC7-91AABEC616A7}" type="presOf" srcId="{3143A574-D986-4FB6-8B79-986282A5BAFA}" destId="{3D884D10-733F-4997-8F85-2AC1A0C0FC8D}" srcOrd="0" destOrd="0" presId="urn:microsoft.com/office/officeart/2005/8/layout/process3"/>
    <dgm:cxn modelId="{4A406FE5-46A5-4CF9-AB56-5382A409EDF2}" type="presOf" srcId="{CA33E748-1F71-4839-9944-30CA3E6541CD}" destId="{24790996-4FE2-4803-8C62-763418840682}" srcOrd="0" destOrd="1" presId="urn:microsoft.com/office/officeart/2005/8/layout/process3"/>
    <dgm:cxn modelId="{FFAC6167-26CC-493E-B625-D17447BFF3F8}" type="presOf" srcId="{E3757454-FFA0-4863-9750-02FBF1AB0404}" destId="{24790996-4FE2-4803-8C62-763418840682}" srcOrd="0" destOrd="0" presId="urn:microsoft.com/office/officeart/2005/8/layout/process3"/>
    <dgm:cxn modelId="{FD69A717-A044-4949-8DBE-AA6DB40CF221}" type="presOf" srcId="{543038C3-896D-4EE6-AE5D-A2C212B58738}" destId="{0545E395-1CD7-48C6-A0AE-BA1652F3BB89}" srcOrd="0" destOrd="0" presId="urn:microsoft.com/office/officeart/2005/8/layout/process3"/>
    <dgm:cxn modelId="{897E83E7-347D-4577-9F87-9BF835C9F51D}" srcId="{BF1024C5-E688-4C93-A6B3-B839DA077E7F}" destId="{3143A574-D986-4FB6-8B79-986282A5BAFA}" srcOrd="0" destOrd="0" parTransId="{FF1B757A-A51C-429F-9235-6672A9F4ECBA}" sibTransId="{3B7609EC-03AF-4729-BE18-E1A86795898C}"/>
    <dgm:cxn modelId="{C48055AE-092D-4C7C-A9C3-50206AA19F68}" type="presOf" srcId="{543038C3-896D-4EE6-AE5D-A2C212B58738}" destId="{CED6AEA1-AE4E-45C5-962E-92843E6BFB18}" srcOrd="1" destOrd="0" presId="urn:microsoft.com/office/officeart/2005/8/layout/process3"/>
    <dgm:cxn modelId="{0A87315B-1316-49EB-BF10-26E9BF536E5E}" type="presOf" srcId="{CFB50611-F5C6-4EA3-8F6D-BA8715A8194B}" destId="{51095E0E-A7C9-484B-81D4-189608044AD6}" srcOrd="0" destOrd="0" presId="urn:microsoft.com/office/officeart/2005/8/layout/process3"/>
    <dgm:cxn modelId="{468D7527-3F43-4F66-AA24-D25E296AE350}" srcId="{69B08410-0772-4365-A4D4-4D2F96D3D08F}" destId="{4777CCEF-4997-4CAF-BF48-557304AF5F78}" srcOrd="2" destOrd="0" parTransId="{C007CA8A-AB88-4FA5-B575-C53FEA5DB5B5}" sibTransId="{419CD345-7A5B-4FA7-9BAB-E8584D3A4080}"/>
    <dgm:cxn modelId="{72CB603A-1C0C-4BCE-8C8B-5C8364CA8B41}" srcId="{4777CCEF-4997-4CAF-BF48-557304AF5F78}" destId="{E3757454-FFA0-4863-9750-02FBF1AB0404}" srcOrd="0" destOrd="0" parTransId="{CB920303-47CF-40B0-B19B-F583D28F03D3}" sibTransId="{493A3673-8C72-4546-B424-0B8BAC9F5196}"/>
    <dgm:cxn modelId="{B5717F24-BB04-440E-8584-6C71FCC43500}" type="presOf" srcId="{4777CCEF-4997-4CAF-BF48-557304AF5F78}" destId="{8B201E61-C956-478D-9DC6-02D571516915}" srcOrd="0" destOrd="0" presId="urn:microsoft.com/office/officeart/2005/8/layout/process3"/>
    <dgm:cxn modelId="{7E7FF77D-2AD5-4F40-A57B-56AB0491B79F}" srcId="{69B08410-0772-4365-A4D4-4D2F96D3D08F}" destId="{543038C3-896D-4EE6-AE5D-A2C212B58738}" srcOrd="0" destOrd="0" parTransId="{324DA0EB-E467-4D6D-8432-2B6959686A3A}" sibTransId="{CFB50611-F5C6-4EA3-8F6D-BA8715A8194B}"/>
    <dgm:cxn modelId="{BA51E7C7-B648-4616-BA73-1FE8D2293A65}" srcId="{543038C3-896D-4EE6-AE5D-A2C212B58738}" destId="{9D8595E5-3ABB-421D-9F69-5502F71E2AD7}" srcOrd="1" destOrd="0" parTransId="{6C625EC2-FB86-451F-A732-8CF633FE2252}" sibTransId="{91629B3E-C341-4A71-B573-84074ECDDBC4}"/>
    <dgm:cxn modelId="{91159EE0-D399-4B23-9EF2-620BAE7A38A2}" srcId="{543038C3-896D-4EE6-AE5D-A2C212B58738}" destId="{430AD372-FF95-42BF-8344-3B484EEE43F4}" srcOrd="0" destOrd="0" parTransId="{EC9B1A82-5BF4-4D6F-8F82-4AC54D5FE0DE}" sibTransId="{6767A776-9BC3-40D3-8F66-1C3FFA4492DC}"/>
    <dgm:cxn modelId="{95A36255-A541-4B65-B49D-5BFA43012E95}" srcId="{543038C3-896D-4EE6-AE5D-A2C212B58738}" destId="{9879C56D-0210-4997-B55E-63D9FA86C6F1}" srcOrd="3" destOrd="0" parTransId="{1838FF0A-9236-4AC6-A2AC-E159E3617FFC}" sibTransId="{72C4F059-D454-4B8C-B2C5-6F9BFB6BD2F8}"/>
    <dgm:cxn modelId="{7F378F83-899A-4419-B0D8-408481BFFDCF}" type="presOf" srcId="{CFB50611-F5C6-4EA3-8F6D-BA8715A8194B}" destId="{5D94AD0F-1AB5-4CC2-892B-7F049905AD1C}" srcOrd="1" destOrd="0" presId="urn:microsoft.com/office/officeart/2005/8/layout/process3"/>
    <dgm:cxn modelId="{9C97F287-4F80-44F2-BAFF-839B5F6FB473}" srcId="{4777CCEF-4997-4CAF-BF48-557304AF5F78}" destId="{CA33E748-1F71-4839-9944-30CA3E6541CD}" srcOrd="1" destOrd="0" parTransId="{85B1F87B-2165-48C2-8AC3-C4372605EE4C}" sibTransId="{A6E396DD-56BE-4E1E-A159-7CE855B6F001}"/>
    <dgm:cxn modelId="{BA3D58B7-65E4-42C0-B998-46572AB8B7A8}" type="presParOf" srcId="{CE053348-997F-42C3-A141-8206F4948902}" destId="{3DD64517-F3CB-4DB8-A320-39631F1CEC2B}" srcOrd="0" destOrd="0" presId="urn:microsoft.com/office/officeart/2005/8/layout/process3"/>
    <dgm:cxn modelId="{43CB05C1-05B4-4AA1-A268-C3515DB01DA9}" type="presParOf" srcId="{3DD64517-F3CB-4DB8-A320-39631F1CEC2B}" destId="{0545E395-1CD7-48C6-A0AE-BA1652F3BB89}" srcOrd="0" destOrd="0" presId="urn:microsoft.com/office/officeart/2005/8/layout/process3"/>
    <dgm:cxn modelId="{B35E017E-3304-4FC7-8467-A9616E6E0681}" type="presParOf" srcId="{3DD64517-F3CB-4DB8-A320-39631F1CEC2B}" destId="{CED6AEA1-AE4E-45C5-962E-92843E6BFB18}" srcOrd="1" destOrd="0" presId="urn:microsoft.com/office/officeart/2005/8/layout/process3"/>
    <dgm:cxn modelId="{95BFD98D-6B0B-4457-900E-9126FCF579D9}" type="presParOf" srcId="{3DD64517-F3CB-4DB8-A320-39631F1CEC2B}" destId="{0EEB52EC-1436-407E-AF2D-D9DF4F2B33A4}" srcOrd="2" destOrd="0" presId="urn:microsoft.com/office/officeart/2005/8/layout/process3"/>
    <dgm:cxn modelId="{AE97199E-FA79-480D-A85F-666483B3B228}" type="presParOf" srcId="{CE053348-997F-42C3-A141-8206F4948902}" destId="{51095E0E-A7C9-484B-81D4-189608044AD6}" srcOrd="1" destOrd="0" presId="urn:microsoft.com/office/officeart/2005/8/layout/process3"/>
    <dgm:cxn modelId="{E1BD4F8C-1A2A-4544-AABD-79CFA043162D}" type="presParOf" srcId="{51095E0E-A7C9-484B-81D4-189608044AD6}" destId="{5D94AD0F-1AB5-4CC2-892B-7F049905AD1C}" srcOrd="0" destOrd="0" presId="urn:microsoft.com/office/officeart/2005/8/layout/process3"/>
    <dgm:cxn modelId="{2C012FF8-D86C-482A-83B0-4D9F7F15A27C}" type="presParOf" srcId="{CE053348-997F-42C3-A141-8206F4948902}" destId="{E5C821D9-B694-4339-BF1D-287B09D239E6}" srcOrd="2" destOrd="0" presId="urn:microsoft.com/office/officeart/2005/8/layout/process3"/>
    <dgm:cxn modelId="{5EE30519-91E5-4B7C-8D5C-7038A36BE14A}" type="presParOf" srcId="{E5C821D9-B694-4339-BF1D-287B09D239E6}" destId="{A6BD4D9A-2F1E-4B15-8B26-D53374B08CF5}" srcOrd="0" destOrd="0" presId="urn:microsoft.com/office/officeart/2005/8/layout/process3"/>
    <dgm:cxn modelId="{E0752B95-67F7-4487-8C93-D780043AFEA9}" type="presParOf" srcId="{E5C821D9-B694-4339-BF1D-287B09D239E6}" destId="{84E72DE3-37FC-4C68-84C3-2DC908DCD55F}" srcOrd="1" destOrd="0" presId="urn:microsoft.com/office/officeart/2005/8/layout/process3"/>
    <dgm:cxn modelId="{4BDDCA93-BB56-4B7F-83D9-9615FFFD6E15}" type="presParOf" srcId="{E5C821D9-B694-4339-BF1D-287B09D239E6}" destId="{3D884D10-733F-4997-8F85-2AC1A0C0FC8D}" srcOrd="2" destOrd="0" presId="urn:microsoft.com/office/officeart/2005/8/layout/process3"/>
    <dgm:cxn modelId="{0C209AED-D25F-4358-9E60-8B5FC841A956}" type="presParOf" srcId="{CE053348-997F-42C3-A141-8206F4948902}" destId="{9BA55427-FF8E-404E-81D0-A7C3B048B81D}" srcOrd="3" destOrd="0" presId="urn:microsoft.com/office/officeart/2005/8/layout/process3"/>
    <dgm:cxn modelId="{3A9F9713-852D-4B17-B639-02C2B90B0665}" type="presParOf" srcId="{9BA55427-FF8E-404E-81D0-A7C3B048B81D}" destId="{0AADB93F-347D-4290-B9CE-0DC3FA0D3506}" srcOrd="0" destOrd="0" presId="urn:microsoft.com/office/officeart/2005/8/layout/process3"/>
    <dgm:cxn modelId="{2497F814-CF26-4382-A654-F6E7D7C1D281}" type="presParOf" srcId="{CE053348-997F-42C3-A141-8206F4948902}" destId="{BD84FC11-D4C1-4B8F-A8C4-AC506DC87ABA}" srcOrd="4" destOrd="0" presId="urn:microsoft.com/office/officeart/2005/8/layout/process3"/>
    <dgm:cxn modelId="{66D22961-3C4E-4A0F-95C5-6A148D00B9A3}" type="presParOf" srcId="{BD84FC11-D4C1-4B8F-A8C4-AC506DC87ABA}" destId="{8B201E61-C956-478D-9DC6-02D571516915}" srcOrd="0" destOrd="0" presId="urn:microsoft.com/office/officeart/2005/8/layout/process3"/>
    <dgm:cxn modelId="{A578D94F-A5C8-46AE-A9D7-1BF459A7192E}" type="presParOf" srcId="{BD84FC11-D4C1-4B8F-A8C4-AC506DC87ABA}" destId="{7980C281-FE53-4055-ACE8-48BC9A8AEBDF}" srcOrd="1" destOrd="0" presId="urn:microsoft.com/office/officeart/2005/8/layout/process3"/>
    <dgm:cxn modelId="{DEE4E718-C4F1-4BC5-B358-6CD9BD9F69FB}" type="presParOf" srcId="{BD84FC11-D4C1-4B8F-A8C4-AC506DC87ABA}" destId="{24790996-4FE2-4803-8C62-763418840682}" srcOrd="2" destOrd="0" presId="urn:microsoft.com/office/officeart/2005/8/layout/process3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69B08410-0772-4365-A4D4-4D2F96D3D08F}" type="doc">
      <dgm:prSet loTypeId="urn:microsoft.com/office/officeart/2005/8/layout/process3" loCatId="process" qsTypeId="urn:microsoft.com/office/officeart/2005/8/quickstyle/simple1" qsCatId="simple" csTypeId="urn:microsoft.com/office/officeart/2005/8/colors/accent0_1" csCatId="mainScheme" phldr="1"/>
      <dgm:spPr/>
      <dgm:t>
        <a:bodyPr/>
        <a:lstStyle/>
        <a:p>
          <a:endParaRPr lang="en-US"/>
        </a:p>
      </dgm:t>
    </dgm:pt>
    <dgm:pt modelId="{543038C3-896D-4EE6-AE5D-A2C212B58738}">
      <dgm:prSet phldrT="[Text]"/>
      <dgm:spPr/>
      <dgm:t>
        <a:bodyPr/>
        <a:lstStyle/>
        <a:p>
          <a:r>
            <a:rPr lang="en-US" dirty="0" smtClean="0"/>
            <a:t>Short-term scans</a:t>
          </a:r>
          <a:endParaRPr lang="en-US" dirty="0"/>
        </a:p>
      </dgm:t>
    </dgm:pt>
    <dgm:pt modelId="{324DA0EB-E467-4D6D-8432-2B6959686A3A}" type="parTrans" cxnId="{7E7FF77D-2AD5-4F40-A57B-56AB0491B79F}">
      <dgm:prSet/>
      <dgm:spPr/>
      <dgm:t>
        <a:bodyPr/>
        <a:lstStyle/>
        <a:p>
          <a:endParaRPr lang="en-US"/>
        </a:p>
      </dgm:t>
    </dgm:pt>
    <dgm:pt modelId="{CFB50611-F5C6-4EA3-8F6D-BA8715A8194B}" type="sibTrans" cxnId="{7E7FF77D-2AD5-4F40-A57B-56AB0491B79F}">
      <dgm:prSet/>
      <dgm:spPr/>
      <dgm:t>
        <a:bodyPr/>
        <a:lstStyle/>
        <a:p>
          <a:endParaRPr lang="en-US"/>
        </a:p>
      </dgm:t>
    </dgm:pt>
    <dgm:pt modelId="{430AD372-FF95-42BF-8344-3B484EEE43F4}">
      <dgm:prSet phldrT="[Text]"/>
      <dgm:spPr/>
      <dgm:t>
        <a:bodyPr/>
        <a:lstStyle/>
        <a:p>
          <a:r>
            <a:rPr lang="en-US" dirty="0" smtClean="0"/>
            <a:t>Trends</a:t>
          </a:r>
          <a:endParaRPr lang="en-US" dirty="0"/>
        </a:p>
      </dgm:t>
    </dgm:pt>
    <dgm:pt modelId="{EC9B1A82-5BF4-4D6F-8F82-4AC54D5FE0DE}" type="parTrans" cxnId="{91159EE0-D399-4B23-9EF2-620BAE7A38A2}">
      <dgm:prSet/>
      <dgm:spPr/>
      <dgm:t>
        <a:bodyPr/>
        <a:lstStyle/>
        <a:p>
          <a:endParaRPr lang="en-US"/>
        </a:p>
      </dgm:t>
    </dgm:pt>
    <dgm:pt modelId="{6767A776-9BC3-40D3-8F66-1C3FFA4492DC}" type="sibTrans" cxnId="{91159EE0-D399-4B23-9EF2-620BAE7A38A2}">
      <dgm:prSet/>
      <dgm:spPr/>
      <dgm:t>
        <a:bodyPr/>
        <a:lstStyle/>
        <a:p>
          <a:endParaRPr lang="en-US"/>
        </a:p>
      </dgm:t>
    </dgm:pt>
    <dgm:pt modelId="{BF1024C5-E688-4C93-A6B3-B839DA077E7F}">
      <dgm:prSet phldrT="[Text]"/>
      <dgm:spPr>
        <a:solidFill>
          <a:schemeClr val="accent6">
            <a:lumMod val="40000"/>
            <a:lumOff val="60000"/>
          </a:schemeClr>
        </a:solidFill>
        <a:ln>
          <a:solidFill>
            <a:schemeClr val="accent6"/>
          </a:solidFill>
        </a:ln>
      </dgm:spPr>
      <dgm:t>
        <a:bodyPr/>
        <a:lstStyle/>
        <a:p>
          <a:r>
            <a:rPr lang="en-US" dirty="0" smtClean="0"/>
            <a:t>Long-term strategic innovations</a:t>
          </a:r>
          <a:endParaRPr lang="en-US" dirty="0"/>
        </a:p>
      </dgm:t>
    </dgm:pt>
    <dgm:pt modelId="{D3320BC0-B68F-4811-8A77-EC09C1D69B95}" type="parTrans" cxnId="{7DD44C5D-430E-4655-9A9E-B64229C45FBC}">
      <dgm:prSet/>
      <dgm:spPr/>
      <dgm:t>
        <a:bodyPr/>
        <a:lstStyle/>
        <a:p>
          <a:endParaRPr lang="en-US"/>
        </a:p>
      </dgm:t>
    </dgm:pt>
    <dgm:pt modelId="{0348948F-CC20-4398-80D6-87886A50A06C}" type="sibTrans" cxnId="{7DD44C5D-430E-4655-9A9E-B64229C45FBC}">
      <dgm:prSet/>
      <dgm:spPr/>
      <dgm:t>
        <a:bodyPr/>
        <a:lstStyle/>
        <a:p>
          <a:endParaRPr lang="en-US"/>
        </a:p>
      </dgm:t>
    </dgm:pt>
    <dgm:pt modelId="{3143A574-D986-4FB6-8B79-986282A5BAFA}">
      <dgm:prSet phldrT="[Text]"/>
      <dgm:spPr/>
      <dgm:t>
        <a:bodyPr/>
        <a:lstStyle/>
        <a:p>
          <a:r>
            <a:rPr lang="en-US" dirty="0" smtClean="0"/>
            <a:t>Pilots =&gt; demonstrations</a:t>
          </a:r>
          <a:endParaRPr lang="en-US" dirty="0"/>
        </a:p>
      </dgm:t>
    </dgm:pt>
    <dgm:pt modelId="{FF1B757A-A51C-429F-9235-6672A9F4ECBA}" type="parTrans" cxnId="{897E83E7-347D-4577-9F87-9BF835C9F51D}">
      <dgm:prSet/>
      <dgm:spPr/>
      <dgm:t>
        <a:bodyPr/>
        <a:lstStyle/>
        <a:p>
          <a:endParaRPr lang="en-US"/>
        </a:p>
      </dgm:t>
    </dgm:pt>
    <dgm:pt modelId="{3B7609EC-03AF-4729-BE18-E1A86795898C}" type="sibTrans" cxnId="{897E83E7-347D-4577-9F87-9BF835C9F51D}">
      <dgm:prSet/>
      <dgm:spPr/>
      <dgm:t>
        <a:bodyPr/>
        <a:lstStyle/>
        <a:p>
          <a:endParaRPr lang="en-US"/>
        </a:p>
      </dgm:t>
    </dgm:pt>
    <dgm:pt modelId="{D590B16F-53C4-4335-895F-7755E709B1C9}">
      <dgm:prSet phldrT="[Text]"/>
      <dgm:spPr/>
      <dgm:t>
        <a:bodyPr/>
        <a:lstStyle/>
        <a:p>
          <a:r>
            <a:rPr lang="en-US" dirty="0" smtClean="0"/>
            <a:t>Needs</a:t>
          </a:r>
          <a:endParaRPr lang="en-US" dirty="0"/>
        </a:p>
      </dgm:t>
    </dgm:pt>
    <dgm:pt modelId="{28F0C8DE-E018-4615-BDD0-024B02DEECD1}" type="parTrans" cxnId="{363FA1A5-38D7-48F3-9E0B-737C249F1F6D}">
      <dgm:prSet/>
      <dgm:spPr/>
      <dgm:t>
        <a:bodyPr/>
        <a:lstStyle/>
        <a:p>
          <a:endParaRPr lang="en-US"/>
        </a:p>
      </dgm:t>
    </dgm:pt>
    <dgm:pt modelId="{AF3ED6B1-94F3-4E8C-827B-4332E8DA58F4}" type="sibTrans" cxnId="{363FA1A5-38D7-48F3-9E0B-737C249F1F6D}">
      <dgm:prSet/>
      <dgm:spPr/>
      <dgm:t>
        <a:bodyPr/>
        <a:lstStyle/>
        <a:p>
          <a:endParaRPr lang="en-US"/>
        </a:p>
      </dgm:t>
    </dgm:pt>
    <dgm:pt modelId="{9879C56D-0210-4997-B55E-63D9FA86C6F1}">
      <dgm:prSet phldrT="[Text]"/>
      <dgm:spPr/>
      <dgm:t>
        <a:bodyPr/>
        <a:lstStyle/>
        <a:p>
          <a:r>
            <a:rPr lang="en-US" dirty="0" smtClean="0"/>
            <a:t>Strengths</a:t>
          </a:r>
          <a:endParaRPr lang="en-US" dirty="0"/>
        </a:p>
      </dgm:t>
    </dgm:pt>
    <dgm:pt modelId="{1838FF0A-9236-4AC6-A2AC-E159E3617FFC}" type="parTrans" cxnId="{95A36255-A541-4B65-B49D-5BFA43012E95}">
      <dgm:prSet/>
      <dgm:spPr/>
      <dgm:t>
        <a:bodyPr/>
        <a:lstStyle/>
        <a:p>
          <a:endParaRPr lang="en-US"/>
        </a:p>
      </dgm:t>
    </dgm:pt>
    <dgm:pt modelId="{72C4F059-D454-4B8C-B2C5-6F9BFB6BD2F8}" type="sibTrans" cxnId="{95A36255-A541-4B65-B49D-5BFA43012E95}">
      <dgm:prSet/>
      <dgm:spPr/>
      <dgm:t>
        <a:bodyPr/>
        <a:lstStyle/>
        <a:p>
          <a:endParaRPr lang="en-US"/>
        </a:p>
      </dgm:t>
    </dgm:pt>
    <dgm:pt modelId="{9D8595E5-3ABB-421D-9F69-5502F71E2AD7}">
      <dgm:prSet phldrT="[Text]"/>
      <dgm:spPr/>
      <dgm:t>
        <a:bodyPr/>
        <a:lstStyle/>
        <a:p>
          <a:r>
            <a:rPr lang="en-US" dirty="0" smtClean="0"/>
            <a:t>Profiles</a:t>
          </a:r>
          <a:endParaRPr lang="en-US" dirty="0"/>
        </a:p>
      </dgm:t>
    </dgm:pt>
    <dgm:pt modelId="{6C625EC2-FB86-451F-A732-8CF633FE2252}" type="parTrans" cxnId="{BA51E7C7-B648-4616-BA73-1FE8D2293A65}">
      <dgm:prSet/>
      <dgm:spPr/>
      <dgm:t>
        <a:bodyPr/>
        <a:lstStyle/>
        <a:p>
          <a:endParaRPr lang="en-US"/>
        </a:p>
      </dgm:t>
    </dgm:pt>
    <dgm:pt modelId="{91629B3E-C341-4A71-B573-84074ECDDBC4}" type="sibTrans" cxnId="{BA51E7C7-B648-4616-BA73-1FE8D2293A65}">
      <dgm:prSet/>
      <dgm:spPr/>
      <dgm:t>
        <a:bodyPr/>
        <a:lstStyle/>
        <a:p>
          <a:endParaRPr lang="en-US"/>
        </a:p>
      </dgm:t>
    </dgm:pt>
    <dgm:pt modelId="{4777CCEF-4997-4CAF-BF48-557304AF5F78}">
      <dgm:prSet/>
      <dgm:spPr/>
      <dgm:t>
        <a:bodyPr/>
        <a:lstStyle/>
        <a:p>
          <a:r>
            <a:rPr lang="en-US" dirty="0" smtClean="0"/>
            <a:t>Evidence pool</a:t>
          </a:r>
          <a:endParaRPr lang="en-US" dirty="0"/>
        </a:p>
      </dgm:t>
    </dgm:pt>
    <dgm:pt modelId="{C007CA8A-AB88-4FA5-B575-C53FEA5DB5B5}" type="parTrans" cxnId="{468D7527-3F43-4F66-AA24-D25E296AE350}">
      <dgm:prSet/>
      <dgm:spPr/>
      <dgm:t>
        <a:bodyPr/>
        <a:lstStyle/>
        <a:p>
          <a:endParaRPr lang="en-US"/>
        </a:p>
      </dgm:t>
    </dgm:pt>
    <dgm:pt modelId="{419CD345-7A5B-4FA7-9BAB-E8584D3A4080}" type="sibTrans" cxnId="{468D7527-3F43-4F66-AA24-D25E296AE350}">
      <dgm:prSet/>
      <dgm:spPr/>
      <dgm:t>
        <a:bodyPr/>
        <a:lstStyle/>
        <a:p>
          <a:endParaRPr lang="en-US"/>
        </a:p>
      </dgm:t>
    </dgm:pt>
    <dgm:pt modelId="{E3757454-FFA0-4863-9750-02FBF1AB0404}">
      <dgm:prSet/>
      <dgm:spPr/>
      <dgm:t>
        <a:bodyPr/>
        <a:lstStyle/>
        <a:p>
          <a:r>
            <a:rPr lang="en-US" dirty="0" smtClean="0"/>
            <a:t>Repository, reports, published articles</a:t>
          </a:r>
          <a:endParaRPr lang="en-US" dirty="0"/>
        </a:p>
      </dgm:t>
    </dgm:pt>
    <dgm:pt modelId="{CB920303-47CF-40B0-B19B-F583D28F03D3}" type="parTrans" cxnId="{72CB603A-1C0C-4BCE-8C8B-5C8364CA8B41}">
      <dgm:prSet/>
      <dgm:spPr/>
      <dgm:t>
        <a:bodyPr/>
        <a:lstStyle/>
        <a:p>
          <a:endParaRPr lang="en-US"/>
        </a:p>
      </dgm:t>
    </dgm:pt>
    <dgm:pt modelId="{493A3673-8C72-4546-B424-0B8BAC9F5196}" type="sibTrans" cxnId="{72CB603A-1C0C-4BCE-8C8B-5C8364CA8B41}">
      <dgm:prSet/>
      <dgm:spPr/>
      <dgm:t>
        <a:bodyPr/>
        <a:lstStyle/>
        <a:p>
          <a:endParaRPr lang="en-US"/>
        </a:p>
      </dgm:t>
    </dgm:pt>
    <dgm:pt modelId="{CA33E748-1F71-4839-9944-30CA3E6541CD}">
      <dgm:prSet/>
      <dgm:spPr/>
      <dgm:t>
        <a:bodyPr/>
        <a:lstStyle/>
        <a:p>
          <a:r>
            <a:rPr lang="en-US" dirty="0" smtClean="0"/>
            <a:t>Database</a:t>
          </a:r>
          <a:endParaRPr lang="en-US" dirty="0"/>
        </a:p>
      </dgm:t>
    </dgm:pt>
    <dgm:pt modelId="{85B1F87B-2165-48C2-8AC3-C4372605EE4C}" type="parTrans" cxnId="{9C97F287-4F80-44F2-BAFF-839B5F6FB473}">
      <dgm:prSet/>
      <dgm:spPr/>
      <dgm:t>
        <a:bodyPr/>
        <a:lstStyle/>
        <a:p>
          <a:endParaRPr lang="en-US"/>
        </a:p>
      </dgm:t>
    </dgm:pt>
    <dgm:pt modelId="{A6E396DD-56BE-4E1E-A159-7CE855B6F001}" type="sibTrans" cxnId="{9C97F287-4F80-44F2-BAFF-839B5F6FB473}">
      <dgm:prSet/>
      <dgm:spPr/>
      <dgm:t>
        <a:bodyPr/>
        <a:lstStyle/>
        <a:p>
          <a:endParaRPr lang="en-US"/>
        </a:p>
      </dgm:t>
    </dgm:pt>
    <dgm:pt modelId="{CE053348-997F-42C3-A141-8206F4948902}" type="pres">
      <dgm:prSet presAssocID="{69B08410-0772-4365-A4D4-4D2F96D3D08F}" presName="linearFlow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3DD64517-F3CB-4DB8-A320-39631F1CEC2B}" type="pres">
      <dgm:prSet presAssocID="{543038C3-896D-4EE6-AE5D-A2C212B58738}" presName="composite" presStyleCnt="0"/>
      <dgm:spPr/>
    </dgm:pt>
    <dgm:pt modelId="{0545E395-1CD7-48C6-A0AE-BA1652F3BB89}" type="pres">
      <dgm:prSet presAssocID="{543038C3-896D-4EE6-AE5D-A2C212B58738}" presName="parTx" presStyleLbl="node1" presStyleIdx="0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ED6AEA1-AE4E-45C5-962E-92843E6BFB18}" type="pres">
      <dgm:prSet presAssocID="{543038C3-896D-4EE6-AE5D-A2C212B58738}" presName="parSh" presStyleLbl="node1" presStyleIdx="0" presStyleCnt="3"/>
      <dgm:spPr/>
      <dgm:t>
        <a:bodyPr/>
        <a:lstStyle/>
        <a:p>
          <a:endParaRPr lang="en-US"/>
        </a:p>
      </dgm:t>
    </dgm:pt>
    <dgm:pt modelId="{0EEB52EC-1436-407E-AF2D-D9DF4F2B33A4}" type="pres">
      <dgm:prSet presAssocID="{543038C3-896D-4EE6-AE5D-A2C212B58738}" presName="desTx" presStyleLbl="fgAcc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1095E0E-A7C9-484B-81D4-189608044AD6}" type="pres">
      <dgm:prSet presAssocID="{CFB50611-F5C6-4EA3-8F6D-BA8715A8194B}" presName="sibTrans" presStyleLbl="sibTrans2D1" presStyleIdx="0" presStyleCnt="2"/>
      <dgm:spPr/>
      <dgm:t>
        <a:bodyPr/>
        <a:lstStyle/>
        <a:p>
          <a:endParaRPr lang="en-US"/>
        </a:p>
      </dgm:t>
    </dgm:pt>
    <dgm:pt modelId="{5D94AD0F-1AB5-4CC2-892B-7F049905AD1C}" type="pres">
      <dgm:prSet presAssocID="{CFB50611-F5C6-4EA3-8F6D-BA8715A8194B}" presName="connTx" presStyleLbl="sibTrans2D1" presStyleIdx="0" presStyleCnt="2"/>
      <dgm:spPr/>
      <dgm:t>
        <a:bodyPr/>
        <a:lstStyle/>
        <a:p>
          <a:endParaRPr lang="en-US"/>
        </a:p>
      </dgm:t>
    </dgm:pt>
    <dgm:pt modelId="{E5C821D9-B694-4339-BF1D-287B09D239E6}" type="pres">
      <dgm:prSet presAssocID="{BF1024C5-E688-4C93-A6B3-B839DA077E7F}" presName="composite" presStyleCnt="0"/>
      <dgm:spPr/>
    </dgm:pt>
    <dgm:pt modelId="{A6BD4D9A-2F1E-4B15-8B26-D53374B08CF5}" type="pres">
      <dgm:prSet presAssocID="{BF1024C5-E688-4C93-A6B3-B839DA077E7F}" presName="parTx" presStyleLbl="node1" presStyleIdx="0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4E72DE3-37FC-4C68-84C3-2DC908DCD55F}" type="pres">
      <dgm:prSet presAssocID="{BF1024C5-E688-4C93-A6B3-B839DA077E7F}" presName="parSh" presStyleLbl="node1" presStyleIdx="1" presStyleCnt="3"/>
      <dgm:spPr/>
      <dgm:t>
        <a:bodyPr/>
        <a:lstStyle/>
        <a:p>
          <a:endParaRPr lang="en-US"/>
        </a:p>
      </dgm:t>
    </dgm:pt>
    <dgm:pt modelId="{3D884D10-733F-4997-8F85-2AC1A0C0FC8D}" type="pres">
      <dgm:prSet presAssocID="{BF1024C5-E688-4C93-A6B3-B839DA077E7F}" presName="desTx" presStyleLbl="fgAcc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BA55427-FF8E-404E-81D0-A7C3B048B81D}" type="pres">
      <dgm:prSet presAssocID="{0348948F-CC20-4398-80D6-87886A50A06C}" presName="sibTrans" presStyleLbl="sibTrans2D1" presStyleIdx="1" presStyleCnt="2"/>
      <dgm:spPr/>
      <dgm:t>
        <a:bodyPr/>
        <a:lstStyle/>
        <a:p>
          <a:endParaRPr lang="en-US"/>
        </a:p>
      </dgm:t>
    </dgm:pt>
    <dgm:pt modelId="{0AADB93F-347D-4290-B9CE-0DC3FA0D3506}" type="pres">
      <dgm:prSet presAssocID="{0348948F-CC20-4398-80D6-87886A50A06C}" presName="connTx" presStyleLbl="sibTrans2D1" presStyleIdx="1" presStyleCnt="2"/>
      <dgm:spPr/>
      <dgm:t>
        <a:bodyPr/>
        <a:lstStyle/>
        <a:p>
          <a:endParaRPr lang="en-US"/>
        </a:p>
      </dgm:t>
    </dgm:pt>
    <dgm:pt modelId="{BD84FC11-D4C1-4B8F-A8C4-AC506DC87ABA}" type="pres">
      <dgm:prSet presAssocID="{4777CCEF-4997-4CAF-BF48-557304AF5F78}" presName="composite" presStyleCnt="0"/>
      <dgm:spPr/>
    </dgm:pt>
    <dgm:pt modelId="{8B201E61-C956-478D-9DC6-02D571516915}" type="pres">
      <dgm:prSet presAssocID="{4777CCEF-4997-4CAF-BF48-557304AF5F78}" presName="parTx" presStyleLbl="node1" presStyleIdx="1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980C281-FE53-4055-ACE8-48BC9A8AEBDF}" type="pres">
      <dgm:prSet presAssocID="{4777CCEF-4997-4CAF-BF48-557304AF5F78}" presName="parSh" presStyleLbl="node1" presStyleIdx="2" presStyleCnt="3"/>
      <dgm:spPr/>
      <dgm:t>
        <a:bodyPr/>
        <a:lstStyle/>
        <a:p>
          <a:endParaRPr lang="en-US"/>
        </a:p>
      </dgm:t>
    </dgm:pt>
    <dgm:pt modelId="{24790996-4FE2-4803-8C62-763418840682}" type="pres">
      <dgm:prSet presAssocID="{4777CCEF-4997-4CAF-BF48-557304AF5F78}" presName="desTx" presStyleLbl="fgAcc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1960B34F-BD34-469D-8726-2582B6A133E4}" type="presOf" srcId="{BF1024C5-E688-4C93-A6B3-B839DA077E7F}" destId="{84E72DE3-37FC-4C68-84C3-2DC908DCD55F}" srcOrd="1" destOrd="0" presId="urn:microsoft.com/office/officeart/2005/8/layout/process3"/>
    <dgm:cxn modelId="{286D6A28-DD5F-4E6D-A248-E5F36AC72FC7}" type="presOf" srcId="{0348948F-CC20-4398-80D6-87886A50A06C}" destId="{9BA55427-FF8E-404E-81D0-A7C3B048B81D}" srcOrd="0" destOrd="0" presId="urn:microsoft.com/office/officeart/2005/8/layout/process3"/>
    <dgm:cxn modelId="{BA51E7C7-B648-4616-BA73-1FE8D2293A65}" srcId="{543038C3-896D-4EE6-AE5D-A2C212B58738}" destId="{9D8595E5-3ABB-421D-9F69-5502F71E2AD7}" srcOrd="1" destOrd="0" parTransId="{6C625EC2-FB86-451F-A732-8CF633FE2252}" sibTransId="{91629B3E-C341-4A71-B573-84074ECDDBC4}"/>
    <dgm:cxn modelId="{FA783EEA-1E9F-454F-97CD-9924550B29C8}" type="presOf" srcId="{430AD372-FF95-42BF-8344-3B484EEE43F4}" destId="{0EEB52EC-1436-407E-AF2D-D9DF4F2B33A4}" srcOrd="0" destOrd="0" presId="urn:microsoft.com/office/officeart/2005/8/layout/process3"/>
    <dgm:cxn modelId="{95A36255-A541-4B65-B49D-5BFA43012E95}" srcId="{543038C3-896D-4EE6-AE5D-A2C212B58738}" destId="{9879C56D-0210-4997-B55E-63D9FA86C6F1}" srcOrd="3" destOrd="0" parTransId="{1838FF0A-9236-4AC6-A2AC-E159E3617FFC}" sibTransId="{72C4F059-D454-4B8C-B2C5-6F9BFB6BD2F8}"/>
    <dgm:cxn modelId="{6FC72415-6EFD-433E-B04D-243D3A57A01D}" type="presOf" srcId="{CFB50611-F5C6-4EA3-8F6D-BA8715A8194B}" destId="{5D94AD0F-1AB5-4CC2-892B-7F049905AD1C}" srcOrd="1" destOrd="0" presId="urn:microsoft.com/office/officeart/2005/8/layout/process3"/>
    <dgm:cxn modelId="{91159EE0-D399-4B23-9EF2-620BAE7A38A2}" srcId="{543038C3-896D-4EE6-AE5D-A2C212B58738}" destId="{430AD372-FF95-42BF-8344-3B484EEE43F4}" srcOrd="0" destOrd="0" parTransId="{EC9B1A82-5BF4-4D6F-8F82-4AC54D5FE0DE}" sibTransId="{6767A776-9BC3-40D3-8F66-1C3FFA4492DC}"/>
    <dgm:cxn modelId="{9C97F287-4F80-44F2-BAFF-839B5F6FB473}" srcId="{4777CCEF-4997-4CAF-BF48-557304AF5F78}" destId="{CA33E748-1F71-4839-9944-30CA3E6541CD}" srcOrd="1" destOrd="0" parTransId="{85B1F87B-2165-48C2-8AC3-C4372605EE4C}" sibTransId="{A6E396DD-56BE-4E1E-A159-7CE855B6F001}"/>
    <dgm:cxn modelId="{4B47556D-0670-42EF-AC90-19738900E544}" type="presOf" srcId="{CA33E748-1F71-4839-9944-30CA3E6541CD}" destId="{24790996-4FE2-4803-8C62-763418840682}" srcOrd="0" destOrd="1" presId="urn:microsoft.com/office/officeart/2005/8/layout/process3"/>
    <dgm:cxn modelId="{41AAD92A-D332-462E-AA28-39169D5DAAD3}" type="presOf" srcId="{3143A574-D986-4FB6-8B79-986282A5BAFA}" destId="{3D884D10-733F-4997-8F85-2AC1A0C0FC8D}" srcOrd="0" destOrd="0" presId="urn:microsoft.com/office/officeart/2005/8/layout/process3"/>
    <dgm:cxn modelId="{295C4B6A-6B57-4A4A-9151-3783265548E5}" type="presOf" srcId="{0348948F-CC20-4398-80D6-87886A50A06C}" destId="{0AADB93F-347D-4290-B9CE-0DC3FA0D3506}" srcOrd="1" destOrd="0" presId="urn:microsoft.com/office/officeart/2005/8/layout/process3"/>
    <dgm:cxn modelId="{12AA483A-7C23-4601-B38C-B8F79E49E84D}" type="presOf" srcId="{9D8595E5-3ABB-421D-9F69-5502F71E2AD7}" destId="{0EEB52EC-1436-407E-AF2D-D9DF4F2B33A4}" srcOrd="0" destOrd="1" presId="urn:microsoft.com/office/officeart/2005/8/layout/process3"/>
    <dgm:cxn modelId="{7DD44C5D-430E-4655-9A9E-B64229C45FBC}" srcId="{69B08410-0772-4365-A4D4-4D2F96D3D08F}" destId="{BF1024C5-E688-4C93-A6B3-B839DA077E7F}" srcOrd="1" destOrd="0" parTransId="{D3320BC0-B68F-4811-8A77-EC09C1D69B95}" sibTransId="{0348948F-CC20-4398-80D6-87886A50A06C}"/>
    <dgm:cxn modelId="{BF20D3E8-67E0-415C-9C65-CDED1FC35F68}" type="presOf" srcId="{CFB50611-F5C6-4EA3-8F6D-BA8715A8194B}" destId="{51095E0E-A7C9-484B-81D4-189608044AD6}" srcOrd="0" destOrd="0" presId="urn:microsoft.com/office/officeart/2005/8/layout/process3"/>
    <dgm:cxn modelId="{4701C1FB-57E6-4BC7-90F0-6DBFCA0CC34E}" type="presOf" srcId="{69B08410-0772-4365-A4D4-4D2F96D3D08F}" destId="{CE053348-997F-42C3-A141-8206F4948902}" srcOrd="0" destOrd="0" presId="urn:microsoft.com/office/officeart/2005/8/layout/process3"/>
    <dgm:cxn modelId="{6BA8EB75-BF1A-4D4D-9D88-75B2672D1758}" type="presOf" srcId="{BF1024C5-E688-4C93-A6B3-B839DA077E7F}" destId="{A6BD4D9A-2F1E-4B15-8B26-D53374B08CF5}" srcOrd="0" destOrd="0" presId="urn:microsoft.com/office/officeart/2005/8/layout/process3"/>
    <dgm:cxn modelId="{876ACD70-B5C3-4216-A08A-8128CCCFC801}" type="presOf" srcId="{4777CCEF-4997-4CAF-BF48-557304AF5F78}" destId="{7980C281-FE53-4055-ACE8-48BC9A8AEBDF}" srcOrd="1" destOrd="0" presId="urn:microsoft.com/office/officeart/2005/8/layout/process3"/>
    <dgm:cxn modelId="{468D7527-3F43-4F66-AA24-D25E296AE350}" srcId="{69B08410-0772-4365-A4D4-4D2F96D3D08F}" destId="{4777CCEF-4997-4CAF-BF48-557304AF5F78}" srcOrd="2" destOrd="0" parTransId="{C007CA8A-AB88-4FA5-B575-C53FEA5DB5B5}" sibTransId="{419CD345-7A5B-4FA7-9BAB-E8584D3A4080}"/>
    <dgm:cxn modelId="{B42043B9-1E4C-4AB1-AD57-E72A84322977}" type="presOf" srcId="{4777CCEF-4997-4CAF-BF48-557304AF5F78}" destId="{8B201E61-C956-478D-9DC6-02D571516915}" srcOrd="0" destOrd="0" presId="urn:microsoft.com/office/officeart/2005/8/layout/process3"/>
    <dgm:cxn modelId="{BCE3A4DC-2E8C-4ACF-B2FE-03E04536A2C3}" type="presOf" srcId="{543038C3-896D-4EE6-AE5D-A2C212B58738}" destId="{0545E395-1CD7-48C6-A0AE-BA1652F3BB89}" srcOrd="0" destOrd="0" presId="urn:microsoft.com/office/officeart/2005/8/layout/process3"/>
    <dgm:cxn modelId="{363FA1A5-38D7-48F3-9E0B-737C249F1F6D}" srcId="{543038C3-896D-4EE6-AE5D-A2C212B58738}" destId="{D590B16F-53C4-4335-895F-7755E709B1C9}" srcOrd="2" destOrd="0" parTransId="{28F0C8DE-E018-4615-BDD0-024B02DEECD1}" sibTransId="{AF3ED6B1-94F3-4E8C-827B-4332E8DA58F4}"/>
    <dgm:cxn modelId="{F58D6137-CA99-4985-A75A-6CC7DBC641A2}" type="presOf" srcId="{9879C56D-0210-4997-B55E-63D9FA86C6F1}" destId="{0EEB52EC-1436-407E-AF2D-D9DF4F2B33A4}" srcOrd="0" destOrd="3" presId="urn:microsoft.com/office/officeart/2005/8/layout/process3"/>
    <dgm:cxn modelId="{7E7FF77D-2AD5-4F40-A57B-56AB0491B79F}" srcId="{69B08410-0772-4365-A4D4-4D2F96D3D08F}" destId="{543038C3-896D-4EE6-AE5D-A2C212B58738}" srcOrd="0" destOrd="0" parTransId="{324DA0EB-E467-4D6D-8432-2B6959686A3A}" sibTransId="{CFB50611-F5C6-4EA3-8F6D-BA8715A8194B}"/>
    <dgm:cxn modelId="{72CB603A-1C0C-4BCE-8C8B-5C8364CA8B41}" srcId="{4777CCEF-4997-4CAF-BF48-557304AF5F78}" destId="{E3757454-FFA0-4863-9750-02FBF1AB0404}" srcOrd="0" destOrd="0" parTransId="{CB920303-47CF-40B0-B19B-F583D28F03D3}" sibTransId="{493A3673-8C72-4546-B424-0B8BAC9F5196}"/>
    <dgm:cxn modelId="{94481929-460B-4BFC-B76E-982049A3DEF9}" type="presOf" srcId="{E3757454-FFA0-4863-9750-02FBF1AB0404}" destId="{24790996-4FE2-4803-8C62-763418840682}" srcOrd="0" destOrd="0" presId="urn:microsoft.com/office/officeart/2005/8/layout/process3"/>
    <dgm:cxn modelId="{45638E97-3335-4442-AAB9-4C9C2D5FADD8}" type="presOf" srcId="{D590B16F-53C4-4335-895F-7755E709B1C9}" destId="{0EEB52EC-1436-407E-AF2D-D9DF4F2B33A4}" srcOrd="0" destOrd="2" presId="urn:microsoft.com/office/officeart/2005/8/layout/process3"/>
    <dgm:cxn modelId="{DA730539-E156-41E7-9B7A-44C291791754}" type="presOf" srcId="{543038C3-896D-4EE6-AE5D-A2C212B58738}" destId="{CED6AEA1-AE4E-45C5-962E-92843E6BFB18}" srcOrd="1" destOrd="0" presId="urn:microsoft.com/office/officeart/2005/8/layout/process3"/>
    <dgm:cxn modelId="{897E83E7-347D-4577-9F87-9BF835C9F51D}" srcId="{BF1024C5-E688-4C93-A6B3-B839DA077E7F}" destId="{3143A574-D986-4FB6-8B79-986282A5BAFA}" srcOrd="0" destOrd="0" parTransId="{FF1B757A-A51C-429F-9235-6672A9F4ECBA}" sibTransId="{3B7609EC-03AF-4729-BE18-E1A86795898C}"/>
    <dgm:cxn modelId="{1CD45645-1A50-4F26-A116-9F12A2D859EA}" type="presParOf" srcId="{CE053348-997F-42C3-A141-8206F4948902}" destId="{3DD64517-F3CB-4DB8-A320-39631F1CEC2B}" srcOrd="0" destOrd="0" presId="urn:microsoft.com/office/officeart/2005/8/layout/process3"/>
    <dgm:cxn modelId="{BE4A5A09-46E7-4309-813B-0F8E2A8127DD}" type="presParOf" srcId="{3DD64517-F3CB-4DB8-A320-39631F1CEC2B}" destId="{0545E395-1CD7-48C6-A0AE-BA1652F3BB89}" srcOrd="0" destOrd="0" presId="urn:microsoft.com/office/officeart/2005/8/layout/process3"/>
    <dgm:cxn modelId="{DF4EC542-74B2-445F-B132-006E8F920B11}" type="presParOf" srcId="{3DD64517-F3CB-4DB8-A320-39631F1CEC2B}" destId="{CED6AEA1-AE4E-45C5-962E-92843E6BFB18}" srcOrd="1" destOrd="0" presId="urn:microsoft.com/office/officeart/2005/8/layout/process3"/>
    <dgm:cxn modelId="{EB8197A6-E6F1-4258-B87A-0997E788614E}" type="presParOf" srcId="{3DD64517-F3CB-4DB8-A320-39631F1CEC2B}" destId="{0EEB52EC-1436-407E-AF2D-D9DF4F2B33A4}" srcOrd="2" destOrd="0" presId="urn:microsoft.com/office/officeart/2005/8/layout/process3"/>
    <dgm:cxn modelId="{87801C66-D43E-4F5E-B013-6EB57D1D5C67}" type="presParOf" srcId="{CE053348-997F-42C3-A141-8206F4948902}" destId="{51095E0E-A7C9-484B-81D4-189608044AD6}" srcOrd="1" destOrd="0" presId="urn:microsoft.com/office/officeart/2005/8/layout/process3"/>
    <dgm:cxn modelId="{776130F3-3752-426B-A6DC-F2E3B632FB69}" type="presParOf" srcId="{51095E0E-A7C9-484B-81D4-189608044AD6}" destId="{5D94AD0F-1AB5-4CC2-892B-7F049905AD1C}" srcOrd="0" destOrd="0" presId="urn:microsoft.com/office/officeart/2005/8/layout/process3"/>
    <dgm:cxn modelId="{92AD8368-4790-464B-A787-7A9963E23D8D}" type="presParOf" srcId="{CE053348-997F-42C3-A141-8206F4948902}" destId="{E5C821D9-B694-4339-BF1D-287B09D239E6}" srcOrd="2" destOrd="0" presId="urn:microsoft.com/office/officeart/2005/8/layout/process3"/>
    <dgm:cxn modelId="{27FDADF4-84FD-49FF-91C7-751F84C0FFBB}" type="presParOf" srcId="{E5C821D9-B694-4339-BF1D-287B09D239E6}" destId="{A6BD4D9A-2F1E-4B15-8B26-D53374B08CF5}" srcOrd="0" destOrd="0" presId="urn:microsoft.com/office/officeart/2005/8/layout/process3"/>
    <dgm:cxn modelId="{9D53CD53-9E03-44AE-B944-EC0D3D7276D9}" type="presParOf" srcId="{E5C821D9-B694-4339-BF1D-287B09D239E6}" destId="{84E72DE3-37FC-4C68-84C3-2DC908DCD55F}" srcOrd="1" destOrd="0" presId="urn:microsoft.com/office/officeart/2005/8/layout/process3"/>
    <dgm:cxn modelId="{53296298-8768-451F-AB59-277521E35CBF}" type="presParOf" srcId="{E5C821D9-B694-4339-BF1D-287B09D239E6}" destId="{3D884D10-733F-4997-8F85-2AC1A0C0FC8D}" srcOrd="2" destOrd="0" presId="urn:microsoft.com/office/officeart/2005/8/layout/process3"/>
    <dgm:cxn modelId="{4114FBDA-FC40-482C-B2BC-336840D88D1A}" type="presParOf" srcId="{CE053348-997F-42C3-A141-8206F4948902}" destId="{9BA55427-FF8E-404E-81D0-A7C3B048B81D}" srcOrd="3" destOrd="0" presId="urn:microsoft.com/office/officeart/2005/8/layout/process3"/>
    <dgm:cxn modelId="{821BD391-13EC-4438-AE46-9664FE6B96BF}" type="presParOf" srcId="{9BA55427-FF8E-404E-81D0-A7C3B048B81D}" destId="{0AADB93F-347D-4290-B9CE-0DC3FA0D3506}" srcOrd="0" destOrd="0" presId="urn:microsoft.com/office/officeart/2005/8/layout/process3"/>
    <dgm:cxn modelId="{A9DFAB7D-7430-446C-9E63-EEF9273C8196}" type="presParOf" srcId="{CE053348-997F-42C3-A141-8206F4948902}" destId="{BD84FC11-D4C1-4B8F-A8C4-AC506DC87ABA}" srcOrd="4" destOrd="0" presId="urn:microsoft.com/office/officeart/2005/8/layout/process3"/>
    <dgm:cxn modelId="{4504D0EC-5F3D-407C-8CEC-D2929C4A9AA7}" type="presParOf" srcId="{BD84FC11-D4C1-4B8F-A8C4-AC506DC87ABA}" destId="{8B201E61-C956-478D-9DC6-02D571516915}" srcOrd="0" destOrd="0" presId="urn:microsoft.com/office/officeart/2005/8/layout/process3"/>
    <dgm:cxn modelId="{17E49CB2-74F0-4B31-B8AF-79D9E6A29194}" type="presParOf" srcId="{BD84FC11-D4C1-4B8F-A8C4-AC506DC87ABA}" destId="{7980C281-FE53-4055-ACE8-48BC9A8AEBDF}" srcOrd="1" destOrd="0" presId="urn:microsoft.com/office/officeart/2005/8/layout/process3"/>
    <dgm:cxn modelId="{E8321DEE-1566-4A16-987B-6AF0F57C3E56}" type="presParOf" srcId="{BD84FC11-D4C1-4B8F-A8C4-AC506DC87ABA}" destId="{24790996-4FE2-4803-8C62-763418840682}" srcOrd="2" destOrd="0" presId="urn:microsoft.com/office/officeart/2005/8/layout/process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ED6AEA1-AE4E-45C5-962E-92843E6BFB18}">
      <dsp:nvSpPr>
        <dsp:cNvPr id="0" name=""/>
        <dsp:cNvSpPr/>
      </dsp:nvSpPr>
      <dsp:spPr>
        <a:xfrm>
          <a:off x="4292" y="1561969"/>
          <a:ext cx="1951531" cy="993582"/>
        </a:xfrm>
        <a:prstGeom prst="roundRect">
          <a:avLst>
            <a:gd name="adj" fmla="val 10000"/>
          </a:avLst>
        </a:prstGeom>
        <a:solidFill>
          <a:srgbClr val="FFFFCC"/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 smtClean="0"/>
            <a:t>Short-term scans</a:t>
          </a:r>
          <a:endParaRPr lang="en-US" sz="1700" kern="1200" dirty="0"/>
        </a:p>
      </dsp:txBody>
      <dsp:txXfrm>
        <a:off x="4292" y="1561969"/>
        <a:ext cx="1951531" cy="662388"/>
      </dsp:txXfrm>
    </dsp:sp>
    <dsp:sp modelId="{0EEB52EC-1436-407E-AF2D-D9DF4F2B33A4}">
      <dsp:nvSpPr>
        <dsp:cNvPr id="0" name=""/>
        <dsp:cNvSpPr/>
      </dsp:nvSpPr>
      <dsp:spPr>
        <a:xfrm>
          <a:off x="404003" y="2224357"/>
          <a:ext cx="1951531" cy="1583550"/>
        </a:xfrm>
        <a:prstGeom prst="roundRect">
          <a:avLst>
            <a:gd name="adj" fmla="val 10000"/>
          </a:avLst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Trends</a:t>
          </a:r>
          <a:endParaRPr lang="en-US" sz="1700" kern="1200" dirty="0"/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Profiles</a:t>
          </a:r>
          <a:endParaRPr lang="en-US" sz="1700" kern="1200" dirty="0"/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Needs</a:t>
          </a:r>
          <a:endParaRPr lang="en-US" sz="1700" kern="1200" dirty="0"/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Strengths</a:t>
          </a:r>
          <a:endParaRPr lang="en-US" sz="1700" kern="1200" dirty="0"/>
        </a:p>
      </dsp:txBody>
      <dsp:txXfrm>
        <a:off x="450384" y="2270738"/>
        <a:ext cx="1858769" cy="1490788"/>
      </dsp:txXfrm>
    </dsp:sp>
    <dsp:sp modelId="{51095E0E-A7C9-484B-81D4-189608044AD6}">
      <dsp:nvSpPr>
        <dsp:cNvPr id="0" name=""/>
        <dsp:cNvSpPr/>
      </dsp:nvSpPr>
      <dsp:spPr>
        <a:xfrm>
          <a:off x="2251668" y="1650226"/>
          <a:ext cx="627191" cy="485874"/>
        </a:xfrm>
        <a:prstGeom prst="rightArrow">
          <a:avLst>
            <a:gd name="adj1" fmla="val 60000"/>
            <a:gd name="adj2" fmla="val 50000"/>
          </a:avLst>
        </a:prstGeom>
        <a:solidFill>
          <a:schemeClr val="dk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/>
        </a:p>
      </dsp:txBody>
      <dsp:txXfrm>
        <a:off x="2251668" y="1747401"/>
        <a:ext cx="481429" cy="291524"/>
      </dsp:txXfrm>
    </dsp:sp>
    <dsp:sp modelId="{84E72DE3-37FC-4C68-84C3-2DC908DCD55F}">
      <dsp:nvSpPr>
        <dsp:cNvPr id="0" name=""/>
        <dsp:cNvSpPr/>
      </dsp:nvSpPr>
      <dsp:spPr>
        <a:xfrm>
          <a:off x="3139203" y="1561969"/>
          <a:ext cx="1951531" cy="993582"/>
        </a:xfrm>
        <a:prstGeom prst="roundRect">
          <a:avLst>
            <a:gd name="adj" fmla="val 10000"/>
          </a:avLst>
        </a:prstGeom>
        <a:solidFill>
          <a:schemeClr val="lt1"/>
        </a:solidFill>
        <a:ln w="25400" cap="flat" cmpd="sng" algn="ctr">
          <a:solidFill>
            <a:schemeClr val="dk1"/>
          </a:solidFill>
          <a:prstDash val="solid"/>
        </a:ln>
        <a:effectLst/>
      </dsp:spPr>
      <dsp:style>
        <a:lnRef idx="2">
          <a:schemeClr val="dk1"/>
        </a:lnRef>
        <a:fillRef idx="1">
          <a:schemeClr val="lt1"/>
        </a:fillRef>
        <a:effectRef idx="0">
          <a:schemeClr val="dk1"/>
        </a:effectRef>
        <a:fontRef idx="minor">
          <a:schemeClr val="dk1"/>
        </a:fontRef>
      </dsp:style>
      <dsp:txBody>
        <a:bodyPr spcFirstLastPara="0" vert="horz" wrap="square" lIns="120904" tIns="120904" rIns="120904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 smtClean="0"/>
            <a:t>Long-term strategic innovations</a:t>
          </a:r>
          <a:endParaRPr lang="en-US" sz="1700" kern="1200" dirty="0"/>
        </a:p>
      </dsp:txBody>
      <dsp:txXfrm>
        <a:off x="3139203" y="1561969"/>
        <a:ext cx="1951531" cy="662388"/>
      </dsp:txXfrm>
    </dsp:sp>
    <dsp:sp modelId="{3D884D10-733F-4997-8F85-2AC1A0C0FC8D}">
      <dsp:nvSpPr>
        <dsp:cNvPr id="0" name=""/>
        <dsp:cNvSpPr/>
      </dsp:nvSpPr>
      <dsp:spPr>
        <a:xfrm>
          <a:off x="3538914" y="2224357"/>
          <a:ext cx="1951531" cy="1583550"/>
        </a:xfrm>
        <a:prstGeom prst="roundRect">
          <a:avLst>
            <a:gd name="adj" fmla="val 10000"/>
          </a:avLst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Pilots =&gt; demonstrations</a:t>
          </a:r>
          <a:endParaRPr lang="en-US" sz="1700" kern="1200" dirty="0"/>
        </a:p>
      </dsp:txBody>
      <dsp:txXfrm>
        <a:off x="3585295" y="2270738"/>
        <a:ext cx="1858769" cy="1490788"/>
      </dsp:txXfrm>
    </dsp:sp>
    <dsp:sp modelId="{9BA55427-FF8E-404E-81D0-A7C3B048B81D}">
      <dsp:nvSpPr>
        <dsp:cNvPr id="0" name=""/>
        <dsp:cNvSpPr/>
      </dsp:nvSpPr>
      <dsp:spPr>
        <a:xfrm>
          <a:off x="5386579" y="1650226"/>
          <a:ext cx="627191" cy="485874"/>
        </a:xfrm>
        <a:prstGeom prst="rightArrow">
          <a:avLst>
            <a:gd name="adj1" fmla="val 60000"/>
            <a:gd name="adj2" fmla="val 50000"/>
          </a:avLst>
        </a:prstGeom>
        <a:solidFill>
          <a:schemeClr val="dk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/>
        </a:p>
      </dsp:txBody>
      <dsp:txXfrm>
        <a:off x="5386579" y="1747401"/>
        <a:ext cx="481429" cy="291524"/>
      </dsp:txXfrm>
    </dsp:sp>
    <dsp:sp modelId="{7980C281-FE53-4055-ACE8-48BC9A8AEBDF}">
      <dsp:nvSpPr>
        <dsp:cNvPr id="0" name=""/>
        <dsp:cNvSpPr/>
      </dsp:nvSpPr>
      <dsp:spPr>
        <a:xfrm>
          <a:off x="6274114" y="1561969"/>
          <a:ext cx="1951531" cy="993582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 smtClean="0"/>
            <a:t>Evidence pool</a:t>
          </a:r>
          <a:endParaRPr lang="en-US" sz="1700" kern="1200" dirty="0"/>
        </a:p>
      </dsp:txBody>
      <dsp:txXfrm>
        <a:off x="6274114" y="1561969"/>
        <a:ext cx="1951531" cy="662388"/>
      </dsp:txXfrm>
    </dsp:sp>
    <dsp:sp modelId="{24790996-4FE2-4803-8C62-763418840682}">
      <dsp:nvSpPr>
        <dsp:cNvPr id="0" name=""/>
        <dsp:cNvSpPr/>
      </dsp:nvSpPr>
      <dsp:spPr>
        <a:xfrm>
          <a:off x="6673825" y="2224357"/>
          <a:ext cx="1951531" cy="1583550"/>
        </a:xfrm>
        <a:prstGeom prst="roundRect">
          <a:avLst>
            <a:gd name="adj" fmla="val 10000"/>
          </a:avLst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Repository, reports, published articles</a:t>
          </a:r>
          <a:endParaRPr lang="en-US" sz="1700" kern="1200" dirty="0"/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Database</a:t>
          </a:r>
          <a:endParaRPr lang="en-US" sz="1700" kern="1200" dirty="0"/>
        </a:p>
      </dsp:txBody>
      <dsp:txXfrm>
        <a:off x="6720206" y="2270738"/>
        <a:ext cx="1858769" cy="149078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ED6AEA1-AE4E-45C5-962E-92843E6BFB18}">
      <dsp:nvSpPr>
        <dsp:cNvPr id="0" name=""/>
        <dsp:cNvSpPr/>
      </dsp:nvSpPr>
      <dsp:spPr>
        <a:xfrm>
          <a:off x="4292" y="1561969"/>
          <a:ext cx="1951531" cy="993582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 smtClean="0"/>
            <a:t>Short-term scans</a:t>
          </a:r>
          <a:endParaRPr lang="en-US" sz="1700" kern="1200" dirty="0"/>
        </a:p>
      </dsp:txBody>
      <dsp:txXfrm>
        <a:off x="4292" y="1561969"/>
        <a:ext cx="1951531" cy="662388"/>
      </dsp:txXfrm>
    </dsp:sp>
    <dsp:sp modelId="{0EEB52EC-1436-407E-AF2D-D9DF4F2B33A4}">
      <dsp:nvSpPr>
        <dsp:cNvPr id="0" name=""/>
        <dsp:cNvSpPr/>
      </dsp:nvSpPr>
      <dsp:spPr>
        <a:xfrm>
          <a:off x="404003" y="2224357"/>
          <a:ext cx="1951531" cy="1583550"/>
        </a:xfrm>
        <a:prstGeom prst="roundRect">
          <a:avLst>
            <a:gd name="adj" fmla="val 10000"/>
          </a:avLst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Trends</a:t>
          </a:r>
          <a:endParaRPr lang="en-US" sz="1700" kern="1200" dirty="0"/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Profiles</a:t>
          </a:r>
          <a:endParaRPr lang="en-US" sz="1700" kern="1200" dirty="0"/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Needs</a:t>
          </a:r>
          <a:endParaRPr lang="en-US" sz="1700" kern="1200" dirty="0"/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Strengths</a:t>
          </a:r>
          <a:endParaRPr lang="en-US" sz="1700" kern="1200" dirty="0"/>
        </a:p>
      </dsp:txBody>
      <dsp:txXfrm>
        <a:off x="450384" y="2270738"/>
        <a:ext cx="1858769" cy="1490788"/>
      </dsp:txXfrm>
    </dsp:sp>
    <dsp:sp modelId="{51095E0E-A7C9-484B-81D4-189608044AD6}">
      <dsp:nvSpPr>
        <dsp:cNvPr id="0" name=""/>
        <dsp:cNvSpPr/>
      </dsp:nvSpPr>
      <dsp:spPr>
        <a:xfrm>
          <a:off x="2251668" y="1650226"/>
          <a:ext cx="627191" cy="485874"/>
        </a:xfrm>
        <a:prstGeom prst="rightArrow">
          <a:avLst>
            <a:gd name="adj1" fmla="val 60000"/>
            <a:gd name="adj2" fmla="val 50000"/>
          </a:avLst>
        </a:prstGeom>
        <a:solidFill>
          <a:schemeClr val="dk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/>
        </a:p>
      </dsp:txBody>
      <dsp:txXfrm>
        <a:off x="2251668" y="1747401"/>
        <a:ext cx="481429" cy="291524"/>
      </dsp:txXfrm>
    </dsp:sp>
    <dsp:sp modelId="{84E72DE3-37FC-4C68-84C3-2DC908DCD55F}">
      <dsp:nvSpPr>
        <dsp:cNvPr id="0" name=""/>
        <dsp:cNvSpPr/>
      </dsp:nvSpPr>
      <dsp:spPr>
        <a:xfrm>
          <a:off x="3139203" y="1561969"/>
          <a:ext cx="1951531" cy="993582"/>
        </a:xfrm>
        <a:prstGeom prst="roundRect">
          <a:avLst>
            <a:gd name="adj" fmla="val 10000"/>
          </a:avLst>
        </a:prstGeom>
        <a:solidFill>
          <a:schemeClr val="accent6">
            <a:lumMod val="40000"/>
            <a:lumOff val="60000"/>
          </a:schemeClr>
        </a:solidFill>
        <a:ln w="25400" cap="flat" cmpd="sng" algn="ctr">
          <a:solidFill>
            <a:schemeClr val="accent6"/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 smtClean="0"/>
            <a:t>Long-term strategic innovations</a:t>
          </a:r>
          <a:endParaRPr lang="en-US" sz="1700" kern="1200" dirty="0"/>
        </a:p>
      </dsp:txBody>
      <dsp:txXfrm>
        <a:off x="3139203" y="1561969"/>
        <a:ext cx="1951531" cy="662388"/>
      </dsp:txXfrm>
    </dsp:sp>
    <dsp:sp modelId="{3D884D10-733F-4997-8F85-2AC1A0C0FC8D}">
      <dsp:nvSpPr>
        <dsp:cNvPr id="0" name=""/>
        <dsp:cNvSpPr/>
      </dsp:nvSpPr>
      <dsp:spPr>
        <a:xfrm>
          <a:off x="3538914" y="2224357"/>
          <a:ext cx="1951531" cy="1583550"/>
        </a:xfrm>
        <a:prstGeom prst="roundRect">
          <a:avLst>
            <a:gd name="adj" fmla="val 10000"/>
          </a:avLst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Pilots =&gt; demonstrations</a:t>
          </a:r>
          <a:endParaRPr lang="en-US" sz="1700" kern="1200" dirty="0"/>
        </a:p>
      </dsp:txBody>
      <dsp:txXfrm>
        <a:off x="3585295" y="2270738"/>
        <a:ext cx="1858769" cy="1490788"/>
      </dsp:txXfrm>
    </dsp:sp>
    <dsp:sp modelId="{9BA55427-FF8E-404E-81D0-A7C3B048B81D}">
      <dsp:nvSpPr>
        <dsp:cNvPr id="0" name=""/>
        <dsp:cNvSpPr/>
      </dsp:nvSpPr>
      <dsp:spPr>
        <a:xfrm>
          <a:off x="5386579" y="1650226"/>
          <a:ext cx="627191" cy="485874"/>
        </a:xfrm>
        <a:prstGeom prst="rightArrow">
          <a:avLst>
            <a:gd name="adj1" fmla="val 60000"/>
            <a:gd name="adj2" fmla="val 50000"/>
          </a:avLst>
        </a:prstGeom>
        <a:solidFill>
          <a:schemeClr val="dk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/>
        </a:p>
      </dsp:txBody>
      <dsp:txXfrm>
        <a:off x="5386579" y="1747401"/>
        <a:ext cx="481429" cy="291524"/>
      </dsp:txXfrm>
    </dsp:sp>
    <dsp:sp modelId="{7980C281-FE53-4055-ACE8-48BC9A8AEBDF}">
      <dsp:nvSpPr>
        <dsp:cNvPr id="0" name=""/>
        <dsp:cNvSpPr/>
      </dsp:nvSpPr>
      <dsp:spPr>
        <a:xfrm>
          <a:off x="6274114" y="1561969"/>
          <a:ext cx="1951531" cy="993582"/>
        </a:xfrm>
        <a:prstGeom prst="roundRect">
          <a:avLst>
            <a:gd name="adj" fmla="val 1000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shade val="8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700" kern="1200" dirty="0" smtClean="0"/>
            <a:t>Evidence pool</a:t>
          </a:r>
          <a:endParaRPr lang="en-US" sz="1700" kern="1200" dirty="0"/>
        </a:p>
      </dsp:txBody>
      <dsp:txXfrm>
        <a:off x="6274114" y="1561969"/>
        <a:ext cx="1951531" cy="662388"/>
      </dsp:txXfrm>
    </dsp:sp>
    <dsp:sp modelId="{24790996-4FE2-4803-8C62-763418840682}">
      <dsp:nvSpPr>
        <dsp:cNvPr id="0" name=""/>
        <dsp:cNvSpPr/>
      </dsp:nvSpPr>
      <dsp:spPr>
        <a:xfrm>
          <a:off x="6673825" y="2224357"/>
          <a:ext cx="1951531" cy="1583550"/>
        </a:xfrm>
        <a:prstGeom prst="roundRect">
          <a:avLst>
            <a:gd name="adj" fmla="val 10000"/>
          </a:avLst>
        </a:prstGeom>
        <a:solidFill>
          <a:schemeClr val="dk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dk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Repository, reports, published articles</a:t>
          </a:r>
          <a:endParaRPr lang="en-US" sz="1700" kern="1200" dirty="0"/>
        </a:p>
        <a:p>
          <a:pPr marL="171450" lvl="1" indent="-171450" algn="l" defTabSz="7556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•"/>
          </a:pPr>
          <a:r>
            <a:rPr lang="en-US" sz="1700" kern="1200" dirty="0" smtClean="0"/>
            <a:t>Database</a:t>
          </a:r>
          <a:endParaRPr lang="en-US" sz="1700" kern="1200" dirty="0"/>
        </a:p>
      </dsp:txBody>
      <dsp:txXfrm>
        <a:off x="6720206" y="2270738"/>
        <a:ext cx="1858769" cy="149078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rocess3">
  <dgm:title val=""/>
  <dgm:desc val=""/>
  <dgm:catLst>
    <dgm:cat type="process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3" destOrd="0"/>
        <dgm:cxn modelId="12" srcId="1" destId="11" srcOrd="0" destOrd="0"/>
        <dgm:cxn modelId="23" srcId="2" destId="21" srcOrd="0" destOrd="0"/>
        <dgm:cxn modelId="34" srcId="3" destId="31" srcOrd="0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osite" refType="w"/>
      <dgm:constr type="w" for="ch" ptType="sibTrans" refType="w" refFor="ch" refForName="composite" fact="0.3333"/>
      <dgm:constr type="w" for="des" forName="parTx"/>
      <dgm:constr type="h" for="des" forName="parTx" op="equ"/>
      <dgm:constr type="h" for="des" forName="parSh" op="equ"/>
      <dgm:constr type="w" for="des" forName="desTx"/>
      <dgm:constr type="h" for="des" forName="desTx" op="equ"/>
      <dgm:constr type="w" for="des" forName="parSh"/>
      <dgm:constr type="primFontSz" for="des" forName="parTx" val="65"/>
      <dgm:constr type="secFontSz" for="des" forName="desTx" refType="primFontSz" refFor="des" refForName="parTx" op="equ"/>
      <dgm:constr type="primFontSz" for="des" forName="connTx" refType="primFontSz" refFor="des" refForName="parTx" fact="0.8"/>
      <dgm:constr type="primFontSz" for="des" forName="connTx" refType="primFontSz" refFor="des" refForName="parTx" op="lte" fact="0.8"/>
      <dgm:constr type="h" for="des" forName="parTx" refType="primFontSz" refFor="des" refForName="parTx" fact="0.8"/>
      <dgm:constr type="h" for="des" forName="parSh" refType="primFontSz" refFor="des" refForName="parTx" fact="1.2"/>
      <dgm:constr type="h" for="des" forName="desTx" refType="primFontSz" refFor="des" refForName="parTx" fact="1.6"/>
      <dgm:constr type="h" for="des" forName="parSh" refType="h" refFor="des" refForName="parTx" op="lte" fact="1.5"/>
      <dgm:constr type="h" for="des" forName="parSh" refType="h" refFor="des" refForName="parTx" op="gte" fact="1.5"/>
    </dgm:constrLst>
    <dgm:ruleLst>
      <dgm:rule type="w" for="ch" forName="composite" val="0" fact="NaN" max="NaN"/>
      <dgm:rule type="primFontSz" for="des" forName="parTx" val="5" fact="NaN" max="NaN"/>
    </dgm:ruleLst>
    <dgm:forEach name="Name3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4">
          <dgm:if name="Name5" func="var" arg="dir" op="equ" val="norm">
            <dgm:constrLst>
              <dgm:constr type="h" refType="w" fact="1000"/>
              <dgm:constr type="l" for="ch" forName="parTx"/>
              <dgm:constr type="w" for="ch" forName="parTx" refType="w" fact="0.83"/>
              <dgm:constr type="t" for="ch" forName="parTx"/>
              <dgm:constr type="l" for="ch" forName="parSh"/>
              <dgm:constr type="w" for="ch" forName="parSh" refType="w" refFor="ch" refForName="parTx"/>
              <dgm:constr type="t" for="ch" forName="parSh"/>
              <dgm:constr type="l" for="ch" forName="desTx" refType="w" fact="0.17"/>
              <dgm:constr type="w" for="ch" forName="desTx" refType="w" refFor="ch" refForName="parTx"/>
              <dgm:constr type="t" for="ch" forName="desTx" refType="h" refFor="ch" refForName="parTx"/>
            </dgm:constrLst>
          </dgm:if>
          <dgm:else name="Name6">
            <dgm:constrLst>
              <dgm:constr type="h" refType="w" fact="1000"/>
              <dgm:constr type="l" for="ch" forName="parTx" refType="w" fact="0.17"/>
              <dgm:constr type="w" for="ch" forName="parTx" refType="w" fact="0.83"/>
              <dgm:constr type="t" for="ch" forName="parTx"/>
              <dgm:constr type="l" for="ch" forName="parSh" refType="w" fact="0.15"/>
              <dgm:constr type="w" for="ch" forName="parSh" refType="w" refFor="ch" refForName="parTx"/>
              <dgm:constr type="t" for="ch" forName="parSh"/>
              <dgm:constr type="l" for="ch" forName="desTx"/>
              <dgm:constr type="w" for="ch" forName="desTx" refType="w" refFor="ch" refForName="parTx"/>
              <dgm:constr type="t" for="ch" forName="desTx" refType="h" refFor="ch" refForName="parTx"/>
            </dgm:constrLst>
          </dgm:else>
        </dgm:choose>
        <dgm:ruleLst>
          <dgm:rule type="h" val="INF" fact="NaN" max="NaN"/>
        </dgm:ruleLst>
        <dgm:layoutNode name="parTx">
          <dgm:varLst>
            <dgm:chMax val="0"/>
            <dgm:chPref val="0"/>
            <dgm:bulletEnabled val="1"/>
          </dgm:varLst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 zOrderOff="1" hideGeom="1">
            <dgm:adjLst>
              <dgm:adj idx="1" val="0.1"/>
            </dgm:adjLst>
          </dgm:shape>
          <dgm:presOf axis="self" ptType="node"/>
          <dgm:constrLst>
            <dgm:constr type="h" refType="w" op="lte" fact="0.4"/>
            <dgm:constr type="bMarg" refType="primFontSz" fact="0.3"/>
            <dgm:constr type="h"/>
          </dgm:constrLst>
          <dgm:ruleLst>
            <dgm:rule type="h" val="INF" fact="NaN" max="NaN"/>
          </dgm:ruleLst>
        </dgm:layoutNode>
        <dgm:layoutNode name="parSh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 ptType="node"/>
          <dgm:constrLst>
            <dgm:constr type="h"/>
          </dgm:constrLst>
          <dgm:ruleLst/>
        </dgm:layoutNode>
        <dgm:layoutNode name="desTx" styleLbl="fgAcc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oundRect" r:blip="">
            <dgm:adjLst>
              <dgm:adj idx="1" val="0.1"/>
            </dgm:adjLst>
          </dgm:shape>
          <dgm:presOf axis="des" ptType="node"/>
          <dgm:constrLst>
            <dgm:constr type="secFontSz" val="65"/>
            <dgm:constr type="primFontSz" refType="secFontSz"/>
            <dgm:constr type="h"/>
          </dgm:constrLst>
          <dgm:ruleLst>
            <dgm:rule type="h" val="INF" fact="NaN" max="NaN"/>
          </dgm:ruleLst>
        </dgm:layoutNode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  <dgm:param type="srcNode" val="parTx"/>
            <dgm:param type="dstNode" val="parTx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  <dgm:constr type="begPad" refType="connDist" fact="0.25"/>
            <dgm:constr type="endPad" refType="connDist" fact="0.22"/>
          </dgm:constrLst>
          <dgm:ruleLst/>
          <dgm:layoutNode name="connTx">
            <dgm:alg type="tx">
              <dgm:param type="autoTxRot" val="grav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rocess3">
  <dgm:title val=""/>
  <dgm:desc val=""/>
  <dgm:catLst>
    <dgm:cat type="process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3" destOrd="0"/>
        <dgm:cxn modelId="12" srcId="1" destId="11" srcOrd="0" destOrd="0"/>
        <dgm:cxn modelId="23" srcId="2" destId="21" srcOrd="0" destOrd="0"/>
        <dgm:cxn modelId="34" srcId="3" destId="31" srcOrd="0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41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choose name="Name0">
      <dgm:if name="Name1" func="var" arg="dir" op="equ" val="norm">
        <dgm:alg type="lin"/>
      </dgm:if>
      <dgm:else name="Name2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osite" refType="w"/>
      <dgm:constr type="w" for="ch" ptType="sibTrans" refType="w" refFor="ch" refForName="composite" fact="0.3333"/>
      <dgm:constr type="w" for="des" forName="parTx"/>
      <dgm:constr type="h" for="des" forName="parTx" op="equ"/>
      <dgm:constr type="h" for="des" forName="parSh" op="equ"/>
      <dgm:constr type="w" for="des" forName="desTx"/>
      <dgm:constr type="h" for="des" forName="desTx" op="equ"/>
      <dgm:constr type="w" for="des" forName="parSh"/>
      <dgm:constr type="primFontSz" for="des" forName="parTx" val="65"/>
      <dgm:constr type="secFontSz" for="des" forName="desTx" refType="primFontSz" refFor="des" refForName="parTx" op="equ"/>
      <dgm:constr type="primFontSz" for="des" forName="connTx" refType="primFontSz" refFor="des" refForName="parTx" fact="0.8"/>
      <dgm:constr type="primFontSz" for="des" forName="connTx" refType="primFontSz" refFor="des" refForName="parTx" op="lte" fact="0.8"/>
      <dgm:constr type="h" for="des" forName="parTx" refType="primFontSz" refFor="des" refForName="parTx" fact="0.8"/>
      <dgm:constr type="h" for="des" forName="parSh" refType="primFontSz" refFor="des" refForName="parTx" fact="1.2"/>
      <dgm:constr type="h" for="des" forName="desTx" refType="primFontSz" refFor="des" refForName="parTx" fact="1.6"/>
      <dgm:constr type="h" for="des" forName="parSh" refType="h" refFor="des" refForName="parTx" op="lte" fact="1.5"/>
      <dgm:constr type="h" for="des" forName="parSh" refType="h" refFor="des" refForName="parTx" op="gte" fact="1.5"/>
    </dgm:constrLst>
    <dgm:ruleLst>
      <dgm:rule type="w" for="ch" forName="composite" val="0" fact="NaN" max="NaN"/>
      <dgm:rule type="primFontSz" for="des" forName="parTx" val="5" fact="NaN" max="NaN"/>
    </dgm:ruleLst>
    <dgm:forEach name="Name3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4">
          <dgm:if name="Name5" func="var" arg="dir" op="equ" val="norm">
            <dgm:constrLst>
              <dgm:constr type="h" refType="w" fact="1000"/>
              <dgm:constr type="l" for="ch" forName="parTx"/>
              <dgm:constr type="w" for="ch" forName="parTx" refType="w" fact="0.83"/>
              <dgm:constr type="t" for="ch" forName="parTx"/>
              <dgm:constr type="l" for="ch" forName="parSh"/>
              <dgm:constr type="w" for="ch" forName="parSh" refType="w" refFor="ch" refForName="parTx"/>
              <dgm:constr type="t" for="ch" forName="parSh"/>
              <dgm:constr type="l" for="ch" forName="desTx" refType="w" fact="0.17"/>
              <dgm:constr type="w" for="ch" forName="desTx" refType="w" refFor="ch" refForName="parTx"/>
              <dgm:constr type="t" for="ch" forName="desTx" refType="h" refFor="ch" refForName="parTx"/>
            </dgm:constrLst>
          </dgm:if>
          <dgm:else name="Name6">
            <dgm:constrLst>
              <dgm:constr type="h" refType="w" fact="1000"/>
              <dgm:constr type="l" for="ch" forName="parTx" refType="w" fact="0.17"/>
              <dgm:constr type="w" for="ch" forName="parTx" refType="w" fact="0.83"/>
              <dgm:constr type="t" for="ch" forName="parTx"/>
              <dgm:constr type="l" for="ch" forName="parSh" refType="w" fact="0.15"/>
              <dgm:constr type="w" for="ch" forName="parSh" refType="w" refFor="ch" refForName="parTx"/>
              <dgm:constr type="t" for="ch" forName="parSh"/>
              <dgm:constr type="l" for="ch" forName="desTx"/>
              <dgm:constr type="w" for="ch" forName="desTx" refType="w" refFor="ch" refForName="parTx"/>
              <dgm:constr type="t" for="ch" forName="desTx" refType="h" refFor="ch" refForName="parTx"/>
            </dgm:constrLst>
          </dgm:else>
        </dgm:choose>
        <dgm:ruleLst>
          <dgm:rule type="h" val="INF" fact="NaN" max="NaN"/>
        </dgm:ruleLst>
        <dgm:layoutNode name="parTx">
          <dgm:varLst>
            <dgm:chMax val="0"/>
            <dgm:chPref val="0"/>
            <dgm:bulletEnabled val="1"/>
          </dgm:varLst>
          <dgm:alg type="tx">
            <dgm:param type="parTxLTRAlign" val="l"/>
            <dgm:param type="parTxRTLAlign" val="r"/>
            <dgm:param type="txAnchorVert" val="t"/>
          </dgm:alg>
          <dgm:shape xmlns:r="http://schemas.openxmlformats.org/officeDocument/2006/relationships" type="rect" r:blip="" zOrderOff="1" hideGeom="1">
            <dgm:adjLst>
              <dgm:adj idx="1" val="0.1"/>
            </dgm:adjLst>
          </dgm:shape>
          <dgm:presOf axis="self" ptType="node"/>
          <dgm:constrLst>
            <dgm:constr type="h" refType="w" op="lte" fact="0.4"/>
            <dgm:constr type="bMarg" refType="primFontSz" fact="0.3"/>
            <dgm:constr type="h"/>
          </dgm:constrLst>
          <dgm:ruleLst>
            <dgm:rule type="h" val="INF" fact="NaN" max="NaN"/>
          </dgm:ruleLst>
        </dgm:layoutNode>
        <dgm:layoutNode name="parSh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self" ptType="node"/>
          <dgm:constrLst>
            <dgm:constr type="h"/>
          </dgm:constrLst>
          <dgm:ruleLst/>
        </dgm:layoutNode>
        <dgm:layoutNode name="desTx" styleLbl="fgAcc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oundRect" r:blip="">
            <dgm:adjLst>
              <dgm:adj idx="1" val="0.1"/>
            </dgm:adjLst>
          </dgm:shape>
          <dgm:presOf axis="des" ptType="node"/>
          <dgm:constrLst>
            <dgm:constr type="secFontSz" val="65"/>
            <dgm:constr type="primFontSz" refType="secFontSz"/>
            <dgm:constr type="h"/>
          </dgm:constrLst>
          <dgm:ruleLst>
            <dgm:rule type="h" val="INF" fact="NaN" max="NaN"/>
          </dgm:ruleLst>
        </dgm:layoutNode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  <dgm:param type="srcNode" val="parTx"/>
            <dgm:param type="dstNode" val="parTx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h" refType="w" fact="0.62"/>
            <dgm:constr type="connDist"/>
            <dgm:constr type="begPad" refType="connDist" fact="0.25"/>
            <dgm:constr type="endPad" refType="connDist" fact="0.22"/>
          </dgm:constrLst>
          <dgm:ruleLst/>
          <dgm:layoutNode name="connTx">
            <dgm:alg type="tx">
              <dgm:param type="autoTxRot" val="grav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SG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B1038A8-9734-4C21-A6BA-18C67C1B1B86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SG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SG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SG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389078B-A5B5-49E9-9B66-28B2C7C096AC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137585237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389078B-A5B5-49E9-9B66-28B2C7C096AC}" type="slidenum">
              <a:rPr lang="en-SG" smtClean="0"/>
              <a:t>3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111798023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SG" dirty="0" smtClean="0"/>
              <a:t>Timing: how long before and after implementation</a:t>
            </a:r>
            <a:r>
              <a:rPr lang="en-SG" baseline="0" dirty="0" smtClean="0"/>
              <a:t> of program</a:t>
            </a:r>
            <a:r>
              <a:rPr lang="en-SG" dirty="0" smtClean="0"/>
              <a:t>. 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389078B-A5B5-49E9-9B66-28B2C7C096AC}" type="slidenum">
              <a:rPr lang="en-SG" smtClean="0"/>
              <a:t>14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310656424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SG" dirty="0" smtClean="0"/>
              <a:t>Timing: how long before and after implementation</a:t>
            </a:r>
            <a:r>
              <a:rPr lang="en-SG" baseline="0" dirty="0" smtClean="0"/>
              <a:t> of program</a:t>
            </a:r>
            <a:r>
              <a:rPr lang="en-SG" dirty="0" smtClean="0"/>
              <a:t>. 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389078B-A5B5-49E9-9B66-28B2C7C096AC}" type="slidenum">
              <a:rPr lang="en-SG" smtClean="0"/>
              <a:t>15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310656424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SG" dirty="0" smtClean="0"/>
              <a:t>Timing: how long before and after implementation</a:t>
            </a:r>
            <a:r>
              <a:rPr lang="en-SG" baseline="0" dirty="0" smtClean="0"/>
              <a:t> of program</a:t>
            </a:r>
            <a:r>
              <a:rPr lang="en-SG" dirty="0" smtClean="0"/>
              <a:t>. </a:t>
            </a:r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389078B-A5B5-49E9-9B66-28B2C7C096AC}" type="slidenum">
              <a:rPr lang="en-SG" smtClean="0"/>
              <a:t>16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310656424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SG" dirty="0" smtClean="0"/>
              <a:t>design introduced too many confounding factors which cannot be resolved statistically</a:t>
            </a:r>
          </a:p>
          <a:p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389078B-A5B5-49E9-9B66-28B2C7C096AC}" type="slidenum">
              <a:rPr lang="en-SG" smtClean="0"/>
              <a:t>17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167312842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SG" dirty="0" smtClean="0"/>
              <a:t>design introduced too many confounding factors which cannot be resolved statistically</a:t>
            </a:r>
          </a:p>
          <a:p>
            <a:endParaRPr lang="en-SG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389078B-A5B5-49E9-9B66-28B2C7C096AC}" type="slidenum">
              <a:rPr lang="en-SG" smtClean="0"/>
              <a:t>18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16731284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SG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SG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128042577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SG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SG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413037388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SG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SG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295901180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SG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SG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424886540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SG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28736918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SG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SG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SG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94522361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SG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SG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SG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125880764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SG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274351607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251803508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SG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SG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83950008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SG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SG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259489975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SG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SG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D2D57AF-4BA3-4FFD-A6F8-D845ABEA686C}" type="datetimeFigureOut">
              <a:rPr lang="en-SG" smtClean="0"/>
              <a:t>26/9/2014</a:t>
            </a:fld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CC55BE3-AF84-4387-817B-45723852FDF4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40371089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tags" Target="../tags/tag20.xml"/><Relationship Id="rId3" Type="http://schemas.openxmlformats.org/officeDocument/2006/relationships/tags" Target="../tags/tag15.xml"/><Relationship Id="rId7" Type="http://schemas.openxmlformats.org/officeDocument/2006/relationships/tags" Target="../tags/tag19.xml"/><Relationship Id="rId12" Type="http://schemas.openxmlformats.org/officeDocument/2006/relationships/notesSlide" Target="../notesSlides/notesSlide2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6" Type="http://schemas.openxmlformats.org/officeDocument/2006/relationships/tags" Target="../tags/tag18.xml"/><Relationship Id="rId11" Type="http://schemas.openxmlformats.org/officeDocument/2006/relationships/slideLayout" Target="../slideLayouts/slideLayout2.xml"/><Relationship Id="rId5" Type="http://schemas.openxmlformats.org/officeDocument/2006/relationships/tags" Target="../tags/tag17.xml"/><Relationship Id="rId10" Type="http://schemas.openxmlformats.org/officeDocument/2006/relationships/tags" Target="../tags/tag22.xml"/><Relationship Id="rId4" Type="http://schemas.openxmlformats.org/officeDocument/2006/relationships/tags" Target="../tags/tag16.xml"/><Relationship Id="rId9" Type="http://schemas.openxmlformats.org/officeDocument/2006/relationships/tags" Target="../tags/tag21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tags" Target="../tags/tag30.xml"/><Relationship Id="rId13" Type="http://schemas.openxmlformats.org/officeDocument/2006/relationships/slideLayout" Target="../slideLayouts/slideLayout2.xml"/><Relationship Id="rId3" Type="http://schemas.openxmlformats.org/officeDocument/2006/relationships/tags" Target="../tags/tag25.xml"/><Relationship Id="rId7" Type="http://schemas.openxmlformats.org/officeDocument/2006/relationships/tags" Target="../tags/tag29.xml"/><Relationship Id="rId12" Type="http://schemas.openxmlformats.org/officeDocument/2006/relationships/tags" Target="../tags/tag34.xml"/><Relationship Id="rId2" Type="http://schemas.openxmlformats.org/officeDocument/2006/relationships/tags" Target="../tags/tag24.xml"/><Relationship Id="rId1" Type="http://schemas.openxmlformats.org/officeDocument/2006/relationships/tags" Target="../tags/tag23.xml"/><Relationship Id="rId6" Type="http://schemas.openxmlformats.org/officeDocument/2006/relationships/tags" Target="../tags/tag28.xml"/><Relationship Id="rId11" Type="http://schemas.openxmlformats.org/officeDocument/2006/relationships/tags" Target="../tags/tag33.xml"/><Relationship Id="rId5" Type="http://schemas.openxmlformats.org/officeDocument/2006/relationships/tags" Target="../tags/tag27.xml"/><Relationship Id="rId10" Type="http://schemas.openxmlformats.org/officeDocument/2006/relationships/tags" Target="../tags/tag32.xml"/><Relationship Id="rId4" Type="http://schemas.openxmlformats.org/officeDocument/2006/relationships/tags" Target="../tags/tag26.xml"/><Relationship Id="rId9" Type="http://schemas.openxmlformats.org/officeDocument/2006/relationships/tags" Target="../tags/tag31.xml"/><Relationship Id="rId14" Type="http://schemas.openxmlformats.org/officeDocument/2006/relationships/notesSlide" Target="../notesSlides/notesSlide3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tags" Target="../tags/tag42.xml"/><Relationship Id="rId13" Type="http://schemas.openxmlformats.org/officeDocument/2006/relationships/tags" Target="../tags/tag47.xml"/><Relationship Id="rId18" Type="http://schemas.openxmlformats.org/officeDocument/2006/relationships/notesSlide" Target="../notesSlides/notesSlide4.xml"/><Relationship Id="rId3" Type="http://schemas.openxmlformats.org/officeDocument/2006/relationships/tags" Target="../tags/tag37.xml"/><Relationship Id="rId7" Type="http://schemas.openxmlformats.org/officeDocument/2006/relationships/tags" Target="../tags/tag41.xml"/><Relationship Id="rId12" Type="http://schemas.openxmlformats.org/officeDocument/2006/relationships/tags" Target="../tags/tag46.xml"/><Relationship Id="rId17" Type="http://schemas.openxmlformats.org/officeDocument/2006/relationships/slideLayout" Target="../slideLayouts/slideLayout2.xml"/><Relationship Id="rId2" Type="http://schemas.openxmlformats.org/officeDocument/2006/relationships/tags" Target="../tags/tag36.xml"/><Relationship Id="rId16" Type="http://schemas.openxmlformats.org/officeDocument/2006/relationships/tags" Target="../tags/tag50.xml"/><Relationship Id="rId1" Type="http://schemas.openxmlformats.org/officeDocument/2006/relationships/tags" Target="../tags/tag35.xml"/><Relationship Id="rId6" Type="http://schemas.openxmlformats.org/officeDocument/2006/relationships/tags" Target="../tags/tag40.xml"/><Relationship Id="rId11" Type="http://schemas.openxmlformats.org/officeDocument/2006/relationships/tags" Target="../tags/tag45.xml"/><Relationship Id="rId5" Type="http://schemas.openxmlformats.org/officeDocument/2006/relationships/tags" Target="../tags/tag39.xml"/><Relationship Id="rId15" Type="http://schemas.openxmlformats.org/officeDocument/2006/relationships/tags" Target="../tags/tag49.xml"/><Relationship Id="rId10" Type="http://schemas.openxmlformats.org/officeDocument/2006/relationships/tags" Target="../tags/tag44.xml"/><Relationship Id="rId4" Type="http://schemas.openxmlformats.org/officeDocument/2006/relationships/tags" Target="../tags/tag38.xml"/><Relationship Id="rId9" Type="http://schemas.openxmlformats.org/officeDocument/2006/relationships/tags" Target="../tags/tag43.xml"/><Relationship Id="rId14" Type="http://schemas.openxmlformats.org/officeDocument/2006/relationships/tags" Target="../tags/tag48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tags" Target="../tags/tag58.xml"/><Relationship Id="rId3" Type="http://schemas.openxmlformats.org/officeDocument/2006/relationships/tags" Target="../tags/tag53.xml"/><Relationship Id="rId7" Type="http://schemas.openxmlformats.org/officeDocument/2006/relationships/tags" Target="../tags/tag57.xml"/><Relationship Id="rId12" Type="http://schemas.openxmlformats.org/officeDocument/2006/relationships/notesSlide" Target="../notesSlides/notesSlide5.xml"/><Relationship Id="rId2" Type="http://schemas.openxmlformats.org/officeDocument/2006/relationships/tags" Target="../tags/tag52.xml"/><Relationship Id="rId1" Type="http://schemas.openxmlformats.org/officeDocument/2006/relationships/tags" Target="../tags/tag51.xml"/><Relationship Id="rId6" Type="http://schemas.openxmlformats.org/officeDocument/2006/relationships/tags" Target="../tags/tag56.xml"/><Relationship Id="rId11" Type="http://schemas.openxmlformats.org/officeDocument/2006/relationships/slideLayout" Target="../slideLayouts/slideLayout2.xml"/><Relationship Id="rId5" Type="http://schemas.openxmlformats.org/officeDocument/2006/relationships/tags" Target="../tags/tag55.xml"/><Relationship Id="rId10" Type="http://schemas.openxmlformats.org/officeDocument/2006/relationships/tags" Target="../tags/tag60.xml"/><Relationship Id="rId4" Type="http://schemas.openxmlformats.org/officeDocument/2006/relationships/tags" Target="../tags/tag54.xml"/><Relationship Id="rId9" Type="http://schemas.openxmlformats.org/officeDocument/2006/relationships/tags" Target="../tags/tag59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tags" Target="../tags/tag68.xml"/><Relationship Id="rId3" Type="http://schemas.openxmlformats.org/officeDocument/2006/relationships/tags" Target="../tags/tag63.xml"/><Relationship Id="rId7" Type="http://schemas.openxmlformats.org/officeDocument/2006/relationships/tags" Target="../tags/tag67.xml"/><Relationship Id="rId12" Type="http://schemas.openxmlformats.org/officeDocument/2006/relationships/notesSlide" Target="../notesSlides/notesSlide6.xml"/><Relationship Id="rId2" Type="http://schemas.openxmlformats.org/officeDocument/2006/relationships/tags" Target="../tags/tag62.xml"/><Relationship Id="rId1" Type="http://schemas.openxmlformats.org/officeDocument/2006/relationships/tags" Target="../tags/tag61.xml"/><Relationship Id="rId6" Type="http://schemas.openxmlformats.org/officeDocument/2006/relationships/tags" Target="../tags/tag66.xml"/><Relationship Id="rId11" Type="http://schemas.openxmlformats.org/officeDocument/2006/relationships/slideLayout" Target="../slideLayouts/slideLayout2.xml"/><Relationship Id="rId5" Type="http://schemas.openxmlformats.org/officeDocument/2006/relationships/tags" Target="../tags/tag65.xml"/><Relationship Id="rId10" Type="http://schemas.openxmlformats.org/officeDocument/2006/relationships/tags" Target="../tags/tag70.xml"/><Relationship Id="rId4" Type="http://schemas.openxmlformats.org/officeDocument/2006/relationships/tags" Target="../tags/tag64.xml"/><Relationship Id="rId9" Type="http://schemas.openxmlformats.org/officeDocument/2006/relationships/tags" Target="../tags/tag69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jpg"/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37233" y="778422"/>
            <a:ext cx="5652120" cy="2376263"/>
          </a:xfrm>
          <a:noFill/>
        </p:spPr>
        <p:txBody>
          <a:bodyPr>
            <a:normAutofit/>
          </a:bodyPr>
          <a:lstStyle/>
          <a:p>
            <a:r>
              <a:rPr lang="en-SG" sz="3800" dirty="0" smtClean="0">
                <a:latin typeface="Arial" panose="020B0604020202020204" pitchFamily="34" charset="0"/>
                <a:cs typeface="Arial" panose="020B0604020202020204" pitchFamily="34" charset="0"/>
              </a:rPr>
              <a:t>Rigorous Evaluation of Social Innovations: </a:t>
            </a:r>
            <a:br>
              <a:rPr lang="en-SG" sz="3800" dirty="0" smtClean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SG" sz="3800" dirty="0" smtClean="0">
                <a:latin typeface="Arial" panose="020B0604020202020204" pitchFamily="34" charset="0"/>
                <a:cs typeface="Arial" panose="020B0604020202020204" pitchFamily="34" charset="0"/>
              </a:rPr>
              <a:t>What Does It Take? </a:t>
            </a:r>
            <a:endParaRPr lang="en-SG" sz="3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-396552" y="3126109"/>
            <a:ext cx="6400800" cy="1417712"/>
          </a:xfrm>
        </p:spPr>
        <p:txBody>
          <a:bodyPr/>
          <a:lstStyle/>
          <a:p>
            <a:r>
              <a:rPr lang="en-SG" dirty="0" smtClean="0"/>
              <a:t>Dr Ong Qiyan</a:t>
            </a:r>
          </a:p>
          <a:p>
            <a:r>
              <a:rPr lang="en-SG" dirty="0" smtClean="0"/>
              <a:t>Research Fellow, SSRC</a:t>
            </a:r>
            <a:endParaRPr lang="en-SG" dirty="0"/>
          </a:p>
        </p:txBody>
      </p:sp>
      <p:sp>
        <p:nvSpPr>
          <p:cNvPr id="7" name="Teardrop 6"/>
          <p:cNvSpPr/>
          <p:nvPr/>
        </p:nvSpPr>
        <p:spPr>
          <a:xfrm>
            <a:off x="5558011" y="-76040"/>
            <a:ext cx="3622501" cy="3145000"/>
          </a:xfrm>
          <a:custGeom>
            <a:avLst/>
            <a:gdLst>
              <a:gd name="connsiteX0" fmla="*/ 0 w 4139952"/>
              <a:gd name="connsiteY0" fmla="*/ 2110544 h 4221088"/>
              <a:gd name="connsiteX1" fmla="*/ 2069976 w 4139952"/>
              <a:gd name="connsiteY1" fmla="*/ 0 h 4221088"/>
              <a:gd name="connsiteX2" fmla="*/ 4139952 w 4139952"/>
              <a:gd name="connsiteY2" fmla="*/ 0 h 4221088"/>
              <a:gd name="connsiteX3" fmla="*/ 4139952 w 4139952"/>
              <a:gd name="connsiteY3" fmla="*/ 2110544 h 4221088"/>
              <a:gd name="connsiteX4" fmla="*/ 2069976 w 4139952"/>
              <a:gd name="connsiteY4" fmla="*/ 4221088 h 4221088"/>
              <a:gd name="connsiteX5" fmla="*/ 0 w 4139952"/>
              <a:gd name="connsiteY5" fmla="*/ 2110544 h 4221088"/>
              <a:gd name="connsiteX0" fmla="*/ 0 w 4154239"/>
              <a:gd name="connsiteY0" fmla="*/ 528323 h 4767496"/>
              <a:gd name="connsiteX1" fmla="*/ 2084263 w 4154239"/>
              <a:gd name="connsiteY1" fmla="*/ 489467 h 4767496"/>
              <a:gd name="connsiteX2" fmla="*/ 4154239 w 4154239"/>
              <a:gd name="connsiteY2" fmla="*/ 489467 h 4767496"/>
              <a:gd name="connsiteX3" fmla="*/ 4154239 w 4154239"/>
              <a:gd name="connsiteY3" fmla="*/ 2600011 h 4767496"/>
              <a:gd name="connsiteX4" fmla="*/ 2084263 w 4154239"/>
              <a:gd name="connsiteY4" fmla="*/ 4710555 h 4767496"/>
              <a:gd name="connsiteX5" fmla="*/ 0 w 4154239"/>
              <a:gd name="connsiteY5" fmla="*/ 528323 h 4767496"/>
              <a:gd name="connsiteX0" fmla="*/ 884 w 4155123"/>
              <a:gd name="connsiteY0" fmla="*/ 222697 h 3268372"/>
              <a:gd name="connsiteX1" fmla="*/ 2085147 w 4155123"/>
              <a:gd name="connsiteY1" fmla="*/ 183841 h 3268372"/>
              <a:gd name="connsiteX2" fmla="*/ 4155123 w 4155123"/>
              <a:gd name="connsiteY2" fmla="*/ 183841 h 3268372"/>
              <a:gd name="connsiteX3" fmla="*/ 4155123 w 4155123"/>
              <a:gd name="connsiteY3" fmla="*/ 2294385 h 3268372"/>
              <a:gd name="connsiteX4" fmla="*/ 1856547 w 4155123"/>
              <a:gd name="connsiteY4" fmla="*/ 3047617 h 3268372"/>
              <a:gd name="connsiteX5" fmla="*/ 884 w 4155123"/>
              <a:gd name="connsiteY5" fmla="*/ 222697 h 3268372"/>
              <a:gd name="connsiteX0" fmla="*/ 889 w 4197991"/>
              <a:gd name="connsiteY0" fmla="*/ 222697 h 3907671"/>
              <a:gd name="connsiteX1" fmla="*/ 2085152 w 4197991"/>
              <a:gd name="connsiteY1" fmla="*/ 183841 h 3907671"/>
              <a:gd name="connsiteX2" fmla="*/ 4155128 w 4197991"/>
              <a:gd name="connsiteY2" fmla="*/ 183841 h 3907671"/>
              <a:gd name="connsiteX3" fmla="*/ 4197991 w 4197991"/>
              <a:gd name="connsiteY3" fmla="*/ 3351660 h 3907671"/>
              <a:gd name="connsiteX4" fmla="*/ 1856552 w 4197991"/>
              <a:gd name="connsiteY4" fmla="*/ 3047617 h 3907671"/>
              <a:gd name="connsiteX5" fmla="*/ 889 w 4197991"/>
              <a:gd name="connsiteY5" fmla="*/ 222697 h 3907671"/>
              <a:gd name="connsiteX0" fmla="*/ 279 w 4197381"/>
              <a:gd name="connsiteY0" fmla="*/ 43389 h 3728363"/>
              <a:gd name="connsiteX1" fmla="*/ 2084542 w 4197381"/>
              <a:gd name="connsiteY1" fmla="*/ 4533 h 3728363"/>
              <a:gd name="connsiteX2" fmla="*/ 4154518 w 4197381"/>
              <a:gd name="connsiteY2" fmla="*/ 4533 h 3728363"/>
              <a:gd name="connsiteX3" fmla="*/ 4197381 w 4197381"/>
              <a:gd name="connsiteY3" fmla="*/ 3172352 h 3728363"/>
              <a:gd name="connsiteX4" fmla="*/ 1855942 w 4197381"/>
              <a:gd name="connsiteY4" fmla="*/ 2868309 h 3728363"/>
              <a:gd name="connsiteX5" fmla="*/ 279 w 4197381"/>
              <a:gd name="connsiteY5" fmla="*/ 43389 h 3728363"/>
              <a:gd name="connsiteX0" fmla="*/ 830 w 4197932"/>
              <a:gd name="connsiteY0" fmla="*/ 146792 h 3831766"/>
              <a:gd name="connsiteX1" fmla="*/ 2085093 w 4197932"/>
              <a:gd name="connsiteY1" fmla="*/ 107936 h 3831766"/>
              <a:gd name="connsiteX2" fmla="*/ 4155069 w 4197932"/>
              <a:gd name="connsiteY2" fmla="*/ 107936 h 3831766"/>
              <a:gd name="connsiteX3" fmla="*/ 4197932 w 4197932"/>
              <a:gd name="connsiteY3" fmla="*/ 3275755 h 3831766"/>
              <a:gd name="connsiteX4" fmla="*/ 1856493 w 4197932"/>
              <a:gd name="connsiteY4" fmla="*/ 2971712 h 3831766"/>
              <a:gd name="connsiteX5" fmla="*/ 830 w 4197932"/>
              <a:gd name="connsiteY5" fmla="*/ 146792 h 3831766"/>
              <a:gd name="connsiteX0" fmla="*/ 830 w 4197932"/>
              <a:gd name="connsiteY0" fmla="*/ 146792 h 3831766"/>
              <a:gd name="connsiteX1" fmla="*/ 2085093 w 4197932"/>
              <a:gd name="connsiteY1" fmla="*/ 107936 h 3831766"/>
              <a:gd name="connsiteX2" fmla="*/ 4155069 w 4197932"/>
              <a:gd name="connsiteY2" fmla="*/ 107936 h 3831766"/>
              <a:gd name="connsiteX3" fmla="*/ 4197932 w 4197932"/>
              <a:gd name="connsiteY3" fmla="*/ 3275755 h 3831766"/>
              <a:gd name="connsiteX4" fmla="*/ 1856493 w 4197932"/>
              <a:gd name="connsiteY4" fmla="*/ 2971712 h 3831766"/>
              <a:gd name="connsiteX5" fmla="*/ 830 w 4197932"/>
              <a:gd name="connsiteY5" fmla="*/ 146792 h 3831766"/>
              <a:gd name="connsiteX0" fmla="*/ 830 w 4197932"/>
              <a:gd name="connsiteY0" fmla="*/ 146792 h 3831766"/>
              <a:gd name="connsiteX1" fmla="*/ 2085093 w 4197932"/>
              <a:gd name="connsiteY1" fmla="*/ 107936 h 3831766"/>
              <a:gd name="connsiteX2" fmla="*/ 4155069 w 4197932"/>
              <a:gd name="connsiteY2" fmla="*/ 107936 h 3831766"/>
              <a:gd name="connsiteX3" fmla="*/ 4197932 w 4197932"/>
              <a:gd name="connsiteY3" fmla="*/ 3275755 h 3831766"/>
              <a:gd name="connsiteX4" fmla="*/ 1856493 w 4197932"/>
              <a:gd name="connsiteY4" fmla="*/ 2971712 h 3831766"/>
              <a:gd name="connsiteX5" fmla="*/ 830 w 4197932"/>
              <a:gd name="connsiteY5" fmla="*/ 146792 h 3831766"/>
              <a:gd name="connsiteX0" fmla="*/ 830 w 4197932"/>
              <a:gd name="connsiteY0" fmla="*/ 146792 h 3831766"/>
              <a:gd name="connsiteX1" fmla="*/ 2085093 w 4197932"/>
              <a:gd name="connsiteY1" fmla="*/ 107936 h 3831766"/>
              <a:gd name="connsiteX2" fmla="*/ 4155069 w 4197932"/>
              <a:gd name="connsiteY2" fmla="*/ 107936 h 3831766"/>
              <a:gd name="connsiteX3" fmla="*/ 4197932 w 4197932"/>
              <a:gd name="connsiteY3" fmla="*/ 3275755 h 3831766"/>
              <a:gd name="connsiteX4" fmla="*/ 1856493 w 4197932"/>
              <a:gd name="connsiteY4" fmla="*/ 2971712 h 3831766"/>
              <a:gd name="connsiteX5" fmla="*/ 830 w 4197932"/>
              <a:gd name="connsiteY5" fmla="*/ 146792 h 3831766"/>
              <a:gd name="connsiteX0" fmla="*/ 1652 w 4198754"/>
              <a:gd name="connsiteY0" fmla="*/ 77913 h 3762887"/>
              <a:gd name="connsiteX1" fmla="*/ 2085915 w 4198754"/>
              <a:gd name="connsiteY1" fmla="*/ 39057 h 3762887"/>
              <a:gd name="connsiteX2" fmla="*/ 4155891 w 4198754"/>
              <a:gd name="connsiteY2" fmla="*/ 39057 h 3762887"/>
              <a:gd name="connsiteX3" fmla="*/ 4198754 w 4198754"/>
              <a:gd name="connsiteY3" fmla="*/ 3206876 h 3762887"/>
              <a:gd name="connsiteX4" fmla="*/ 1857315 w 4198754"/>
              <a:gd name="connsiteY4" fmla="*/ 2902833 h 3762887"/>
              <a:gd name="connsiteX5" fmla="*/ 1652 w 4198754"/>
              <a:gd name="connsiteY5" fmla="*/ 77913 h 3762887"/>
              <a:gd name="connsiteX0" fmla="*/ 831 w 4197933"/>
              <a:gd name="connsiteY0" fmla="*/ 48396 h 3733370"/>
              <a:gd name="connsiteX1" fmla="*/ 2085094 w 4197933"/>
              <a:gd name="connsiteY1" fmla="*/ 9540 h 3733370"/>
              <a:gd name="connsiteX2" fmla="*/ 4155070 w 4197933"/>
              <a:gd name="connsiteY2" fmla="*/ 9540 h 3733370"/>
              <a:gd name="connsiteX3" fmla="*/ 4197933 w 4197933"/>
              <a:gd name="connsiteY3" fmla="*/ 3177359 h 3733370"/>
              <a:gd name="connsiteX4" fmla="*/ 1856494 w 4197933"/>
              <a:gd name="connsiteY4" fmla="*/ 2873316 h 3733370"/>
              <a:gd name="connsiteX5" fmla="*/ 831 w 4197933"/>
              <a:gd name="connsiteY5" fmla="*/ 48396 h 3733370"/>
              <a:gd name="connsiteX0" fmla="*/ 831 w 4197933"/>
              <a:gd name="connsiteY0" fmla="*/ 48396 h 3511706"/>
              <a:gd name="connsiteX1" fmla="*/ 2085094 w 4197933"/>
              <a:gd name="connsiteY1" fmla="*/ 9540 h 3511706"/>
              <a:gd name="connsiteX2" fmla="*/ 4155070 w 4197933"/>
              <a:gd name="connsiteY2" fmla="*/ 9540 h 3511706"/>
              <a:gd name="connsiteX3" fmla="*/ 4197933 w 4197933"/>
              <a:gd name="connsiteY3" fmla="*/ 3177359 h 3511706"/>
              <a:gd name="connsiteX4" fmla="*/ 1856494 w 4197933"/>
              <a:gd name="connsiteY4" fmla="*/ 2873316 h 3511706"/>
              <a:gd name="connsiteX5" fmla="*/ 831 w 4197933"/>
              <a:gd name="connsiteY5" fmla="*/ 48396 h 3511706"/>
              <a:gd name="connsiteX0" fmla="*/ 831 w 4197933"/>
              <a:gd name="connsiteY0" fmla="*/ 48396 h 3423324"/>
              <a:gd name="connsiteX1" fmla="*/ 2085094 w 4197933"/>
              <a:gd name="connsiteY1" fmla="*/ 9540 h 3423324"/>
              <a:gd name="connsiteX2" fmla="*/ 4155070 w 4197933"/>
              <a:gd name="connsiteY2" fmla="*/ 9540 h 3423324"/>
              <a:gd name="connsiteX3" fmla="*/ 4197933 w 4197933"/>
              <a:gd name="connsiteY3" fmla="*/ 3177359 h 3423324"/>
              <a:gd name="connsiteX4" fmla="*/ 1856494 w 4197933"/>
              <a:gd name="connsiteY4" fmla="*/ 2873316 h 3423324"/>
              <a:gd name="connsiteX5" fmla="*/ 831 w 4197933"/>
              <a:gd name="connsiteY5" fmla="*/ 48396 h 3423324"/>
              <a:gd name="connsiteX0" fmla="*/ 831 w 4183645"/>
              <a:gd name="connsiteY0" fmla="*/ 48396 h 3510265"/>
              <a:gd name="connsiteX1" fmla="*/ 2085094 w 4183645"/>
              <a:gd name="connsiteY1" fmla="*/ 9540 h 3510265"/>
              <a:gd name="connsiteX2" fmla="*/ 4155070 w 4183645"/>
              <a:gd name="connsiteY2" fmla="*/ 9540 h 3510265"/>
              <a:gd name="connsiteX3" fmla="*/ 4183645 w 4183645"/>
              <a:gd name="connsiteY3" fmla="*/ 3291659 h 3510265"/>
              <a:gd name="connsiteX4" fmla="*/ 1856494 w 4183645"/>
              <a:gd name="connsiteY4" fmla="*/ 2873316 h 3510265"/>
              <a:gd name="connsiteX5" fmla="*/ 831 w 4183645"/>
              <a:gd name="connsiteY5" fmla="*/ 48396 h 3510265"/>
              <a:gd name="connsiteX0" fmla="*/ 831 w 4183645"/>
              <a:gd name="connsiteY0" fmla="*/ 48396 h 3446778"/>
              <a:gd name="connsiteX1" fmla="*/ 2085094 w 4183645"/>
              <a:gd name="connsiteY1" fmla="*/ 9540 h 3446778"/>
              <a:gd name="connsiteX2" fmla="*/ 4155070 w 4183645"/>
              <a:gd name="connsiteY2" fmla="*/ 9540 h 3446778"/>
              <a:gd name="connsiteX3" fmla="*/ 4183645 w 4183645"/>
              <a:gd name="connsiteY3" fmla="*/ 3291659 h 3446778"/>
              <a:gd name="connsiteX4" fmla="*/ 1856494 w 4183645"/>
              <a:gd name="connsiteY4" fmla="*/ 2873316 h 3446778"/>
              <a:gd name="connsiteX5" fmla="*/ 831 w 4183645"/>
              <a:gd name="connsiteY5" fmla="*/ 48396 h 3446778"/>
              <a:gd name="connsiteX0" fmla="*/ 831 w 4183645"/>
              <a:gd name="connsiteY0" fmla="*/ 48396 h 3380996"/>
              <a:gd name="connsiteX1" fmla="*/ 2085094 w 4183645"/>
              <a:gd name="connsiteY1" fmla="*/ 9540 h 3380996"/>
              <a:gd name="connsiteX2" fmla="*/ 4155070 w 4183645"/>
              <a:gd name="connsiteY2" fmla="*/ 9540 h 3380996"/>
              <a:gd name="connsiteX3" fmla="*/ 4183645 w 4183645"/>
              <a:gd name="connsiteY3" fmla="*/ 3291659 h 3380996"/>
              <a:gd name="connsiteX4" fmla="*/ 1527882 w 4183645"/>
              <a:gd name="connsiteY4" fmla="*/ 2458979 h 3380996"/>
              <a:gd name="connsiteX5" fmla="*/ 831 w 4183645"/>
              <a:gd name="connsiteY5" fmla="*/ 48396 h 33809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4183645" h="3380996">
                <a:moveTo>
                  <a:pt x="831" y="48396"/>
                </a:moveTo>
                <a:cubicBezTo>
                  <a:pt x="-32506" y="-28850"/>
                  <a:pt x="941878" y="9540"/>
                  <a:pt x="2085094" y="9540"/>
                </a:cubicBezTo>
                <a:lnTo>
                  <a:pt x="4155070" y="9540"/>
                </a:lnTo>
                <a:lnTo>
                  <a:pt x="4183645" y="3291659"/>
                </a:lnTo>
                <a:cubicBezTo>
                  <a:pt x="4097920" y="3614318"/>
                  <a:pt x="2225018" y="2999523"/>
                  <a:pt x="1527882" y="2458979"/>
                </a:cubicBezTo>
                <a:cubicBezTo>
                  <a:pt x="830746" y="1918435"/>
                  <a:pt x="48456" y="754292"/>
                  <a:pt x="831" y="48396"/>
                </a:cubicBezTo>
                <a:close/>
              </a:path>
            </a:pathLst>
          </a:custGeom>
          <a:solidFill>
            <a:schemeClr val="accent4">
              <a:lumMod val="40000"/>
              <a:lumOff val="60000"/>
            </a:schemeClr>
          </a:solidFill>
          <a:ln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grpSp>
        <p:nvGrpSpPr>
          <p:cNvPr id="12" name="Group 11"/>
          <p:cNvGrpSpPr/>
          <p:nvPr/>
        </p:nvGrpSpPr>
        <p:grpSpPr>
          <a:xfrm>
            <a:off x="-71440" y="3428999"/>
            <a:ext cx="9246185" cy="3434109"/>
            <a:chOff x="-71440" y="3428999"/>
            <a:chExt cx="9246185" cy="3434109"/>
          </a:xfrm>
        </p:grpSpPr>
        <p:sp>
          <p:nvSpPr>
            <p:cNvPr id="10" name="Diagonal Stripe 9"/>
            <p:cNvSpPr/>
            <p:nvPr/>
          </p:nvSpPr>
          <p:spPr>
            <a:xfrm flipH="1" flipV="1">
              <a:off x="-71440" y="3428999"/>
              <a:ext cx="9229665" cy="3434109"/>
            </a:xfrm>
            <a:custGeom>
              <a:avLst/>
              <a:gdLst>
                <a:gd name="connsiteX0" fmla="*/ 0 w 9130903"/>
                <a:gd name="connsiteY0" fmla="*/ 1329013 h 2572316"/>
                <a:gd name="connsiteX1" fmla="*/ 4717572 w 9130903"/>
                <a:gd name="connsiteY1" fmla="*/ 0 h 2572316"/>
                <a:gd name="connsiteX2" fmla="*/ 9130903 w 9130903"/>
                <a:gd name="connsiteY2" fmla="*/ 0 h 2572316"/>
                <a:gd name="connsiteX3" fmla="*/ 0 w 9130903"/>
                <a:gd name="connsiteY3" fmla="*/ 2572316 h 2572316"/>
                <a:gd name="connsiteX4" fmla="*/ 0 w 9130903"/>
                <a:gd name="connsiteY4" fmla="*/ 1329013 h 2572316"/>
                <a:gd name="connsiteX0" fmla="*/ 0 w 9175272"/>
                <a:gd name="connsiteY0" fmla="*/ 2343425 h 3586728"/>
                <a:gd name="connsiteX1" fmla="*/ 9175272 w 9175272"/>
                <a:gd name="connsiteY1" fmla="*/ 0 h 3586728"/>
                <a:gd name="connsiteX2" fmla="*/ 9130903 w 9175272"/>
                <a:gd name="connsiteY2" fmla="*/ 1014412 h 3586728"/>
                <a:gd name="connsiteX3" fmla="*/ 0 w 9175272"/>
                <a:gd name="connsiteY3" fmla="*/ 3586728 h 3586728"/>
                <a:gd name="connsiteX4" fmla="*/ 0 w 9175272"/>
                <a:gd name="connsiteY4" fmla="*/ 2343425 h 3586728"/>
                <a:gd name="connsiteX0" fmla="*/ 0 w 9202341"/>
                <a:gd name="connsiteY0" fmla="*/ 2343425 h 3586728"/>
                <a:gd name="connsiteX1" fmla="*/ 9175272 w 9202341"/>
                <a:gd name="connsiteY1" fmla="*/ 0 h 3586728"/>
                <a:gd name="connsiteX2" fmla="*/ 9202341 w 9202341"/>
                <a:gd name="connsiteY2" fmla="*/ 1000125 h 3586728"/>
                <a:gd name="connsiteX3" fmla="*/ 0 w 9202341"/>
                <a:gd name="connsiteY3" fmla="*/ 3586728 h 3586728"/>
                <a:gd name="connsiteX4" fmla="*/ 0 w 9202341"/>
                <a:gd name="connsiteY4" fmla="*/ 2343425 h 3586728"/>
                <a:gd name="connsiteX0" fmla="*/ 0 w 9202341"/>
                <a:gd name="connsiteY0" fmla="*/ 2386288 h 3629591"/>
                <a:gd name="connsiteX1" fmla="*/ 9189560 w 9202341"/>
                <a:gd name="connsiteY1" fmla="*/ 0 h 3629591"/>
                <a:gd name="connsiteX2" fmla="*/ 9202341 w 9202341"/>
                <a:gd name="connsiteY2" fmla="*/ 1042988 h 3629591"/>
                <a:gd name="connsiteX3" fmla="*/ 0 w 9202341"/>
                <a:gd name="connsiteY3" fmla="*/ 3629591 h 3629591"/>
                <a:gd name="connsiteX4" fmla="*/ 0 w 9202341"/>
                <a:gd name="connsiteY4" fmla="*/ 2386288 h 3629591"/>
                <a:gd name="connsiteX0" fmla="*/ 0 w 9202341"/>
                <a:gd name="connsiteY0" fmla="*/ 2386288 h 3629591"/>
                <a:gd name="connsiteX1" fmla="*/ 6259112 w 9202341"/>
                <a:gd name="connsiteY1" fmla="*/ 776635 h 3629591"/>
                <a:gd name="connsiteX2" fmla="*/ 9189560 w 9202341"/>
                <a:gd name="connsiteY2" fmla="*/ 0 h 3629591"/>
                <a:gd name="connsiteX3" fmla="*/ 9202341 w 9202341"/>
                <a:gd name="connsiteY3" fmla="*/ 1042988 h 3629591"/>
                <a:gd name="connsiteX4" fmla="*/ 0 w 9202341"/>
                <a:gd name="connsiteY4" fmla="*/ 3629591 h 3629591"/>
                <a:gd name="connsiteX5" fmla="*/ 0 w 9202341"/>
                <a:gd name="connsiteY5" fmla="*/ 2386288 h 3629591"/>
                <a:gd name="connsiteX0" fmla="*/ 0 w 9202341"/>
                <a:gd name="connsiteY0" fmla="*/ 2386288 h 3629591"/>
                <a:gd name="connsiteX1" fmla="*/ 4801787 w 9202341"/>
                <a:gd name="connsiteY1" fmla="*/ 5110 h 3629591"/>
                <a:gd name="connsiteX2" fmla="*/ 9189560 w 9202341"/>
                <a:gd name="connsiteY2" fmla="*/ 0 h 3629591"/>
                <a:gd name="connsiteX3" fmla="*/ 9202341 w 9202341"/>
                <a:gd name="connsiteY3" fmla="*/ 1042988 h 3629591"/>
                <a:gd name="connsiteX4" fmla="*/ 0 w 9202341"/>
                <a:gd name="connsiteY4" fmla="*/ 3629591 h 3629591"/>
                <a:gd name="connsiteX5" fmla="*/ 0 w 9202341"/>
                <a:gd name="connsiteY5" fmla="*/ 2386288 h 3629591"/>
                <a:gd name="connsiteX0" fmla="*/ 71437 w 9202341"/>
                <a:gd name="connsiteY0" fmla="*/ 1529038 h 3629591"/>
                <a:gd name="connsiteX1" fmla="*/ 4801787 w 9202341"/>
                <a:gd name="connsiteY1" fmla="*/ 5110 h 3629591"/>
                <a:gd name="connsiteX2" fmla="*/ 9189560 w 9202341"/>
                <a:gd name="connsiteY2" fmla="*/ 0 h 3629591"/>
                <a:gd name="connsiteX3" fmla="*/ 9202341 w 9202341"/>
                <a:gd name="connsiteY3" fmla="*/ 1042988 h 3629591"/>
                <a:gd name="connsiteX4" fmla="*/ 0 w 9202341"/>
                <a:gd name="connsiteY4" fmla="*/ 3629591 h 3629591"/>
                <a:gd name="connsiteX5" fmla="*/ 71437 w 9202341"/>
                <a:gd name="connsiteY5" fmla="*/ 1529038 h 3629591"/>
                <a:gd name="connsiteX0" fmla="*/ 71437 w 9202341"/>
                <a:gd name="connsiteY0" fmla="*/ 1571900 h 3629591"/>
                <a:gd name="connsiteX1" fmla="*/ 4801787 w 9202341"/>
                <a:gd name="connsiteY1" fmla="*/ 5110 h 3629591"/>
                <a:gd name="connsiteX2" fmla="*/ 9189560 w 9202341"/>
                <a:gd name="connsiteY2" fmla="*/ 0 h 3629591"/>
                <a:gd name="connsiteX3" fmla="*/ 9202341 w 9202341"/>
                <a:gd name="connsiteY3" fmla="*/ 1042988 h 3629591"/>
                <a:gd name="connsiteX4" fmla="*/ 0 w 9202341"/>
                <a:gd name="connsiteY4" fmla="*/ 3629591 h 3629591"/>
                <a:gd name="connsiteX5" fmla="*/ 71437 w 9202341"/>
                <a:gd name="connsiteY5" fmla="*/ 1571900 h 3629591"/>
                <a:gd name="connsiteX0" fmla="*/ 42862 w 9202341"/>
                <a:gd name="connsiteY0" fmla="*/ 1486175 h 3629591"/>
                <a:gd name="connsiteX1" fmla="*/ 4801787 w 9202341"/>
                <a:gd name="connsiteY1" fmla="*/ 5110 h 3629591"/>
                <a:gd name="connsiteX2" fmla="*/ 9189560 w 9202341"/>
                <a:gd name="connsiteY2" fmla="*/ 0 h 3629591"/>
                <a:gd name="connsiteX3" fmla="*/ 9202341 w 9202341"/>
                <a:gd name="connsiteY3" fmla="*/ 1042988 h 3629591"/>
                <a:gd name="connsiteX4" fmla="*/ 0 w 9202341"/>
                <a:gd name="connsiteY4" fmla="*/ 3629591 h 3629591"/>
                <a:gd name="connsiteX5" fmla="*/ 42862 w 9202341"/>
                <a:gd name="connsiteY5" fmla="*/ 1486175 h 3629591"/>
                <a:gd name="connsiteX0" fmla="*/ 0 w 9230815"/>
                <a:gd name="connsiteY0" fmla="*/ 1557613 h 3629591"/>
                <a:gd name="connsiteX1" fmla="*/ 4830261 w 9230815"/>
                <a:gd name="connsiteY1" fmla="*/ 5110 h 3629591"/>
                <a:gd name="connsiteX2" fmla="*/ 9218034 w 9230815"/>
                <a:gd name="connsiteY2" fmla="*/ 0 h 3629591"/>
                <a:gd name="connsiteX3" fmla="*/ 9230815 w 9230815"/>
                <a:gd name="connsiteY3" fmla="*/ 1042988 h 3629591"/>
                <a:gd name="connsiteX4" fmla="*/ 28474 w 9230815"/>
                <a:gd name="connsiteY4" fmla="*/ 3629591 h 3629591"/>
                <a:gd name="connsiteX5" fmla="*/ 0 w 9230815"/>
                <a:gd name="connsiteY5" fmla="*/ 1557613 h 3629591"/>
                <a:gd name="connsiteX0" fmla="*/ 0 w 9230815"/>
                <a:gd name="connsiteY0" fmla="*/ 1557613 h 3629591"/>
                <a:gd name="connsiteX1" fmla="*/ 4830261 w 9230815"/>
                <a:gd name="connsiteY1" fmla="*/ 5110 h 3629591"/>
                <a:gd name="connsiteX2" fmla="*/ 9218034 w 9230815"/>
                <a:gd name="connsiteY2" fmla="*/ 0 h 3629591"/>
                <a:gd name="connsiteX3" fmla="*/ 9230815 w 9230815"/>
                <a:gd name="connsiteY3" fmla="*/ 1042988 h 3629591"/>
                <a:gd name="connsiteX4" fmla="*/ 28474 w 9230815"/>
                <a:gd name="connsiteY4" fmla="*/ 3629591 h 3629591"/>
                <a:gd name="connsiteX5" fmla="*/ 0 w 9230815"/>
                <a:gd name="connsiteY5" fmla="*/ 1557613 h 3629591"/>
                <a:gd name="connsiteX0" fmla="*/ 0 w 9216547"/>
                <a:gd name="connsiteY0" fmla="*/ 1500463 h 3629591"/>
                <a:gd name="connsiteX1" fmla="*/ 4815993 w 9216547"/>
                <a:gd name="connsiteY1" fmla="*/ 5110 h 3629591"/>
                <a:gd name="connsiteX2" fmla="*/ 9203766 w 9216547"/>
                <a:gd name="connsiteY2" fmla="*/ 0 h 3629591"/>
                <a:gd name="connsiteX3" fmla="*/ 9216547 w 9216547"/>
                <a:gd name="connsiteY3" fmla="*/ 1042988 h 3629591"/>
                <a:gd name="connsiteX4" fmla="*/ 14206 w 9216547"/>
                <a:gd name="connsiteY4" fmla="*/ 3629591 h 3629591"/>
                <a:gd name="connsiteX5" fmla="*/ 0 w 9216547"/>
                <a:gd name="connsiteY5" fmla="*/ 1500463 h 362959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9216547" h="3629591">
                  <a:moveTo>
                    <a:pt x="0" y="1500463"/>
                  </a:moveTo>
                  <a:cubicBezTo>
                    <a:pt x="1610087" y="940100"/>
                    <a:pt x="3205906" y="522611"/>
                    <a:pt x="4815993" y="5110"/>
                  </a:cubicBezTo>
                  <a:lnTo>
                    <a:pt x="9203766" y="0"/>
                  </a:lnTo>
                  <a:lnTo>
                    <a:pt x="9216547" y="1042988"/>
                  </a:lnTo>
                  <a:lnTo>
                    <a:pt x="14206" y="3629591"/>
                  </a:lnTo>
                  <a:cubicBezTo>
                    <a:pt x="9471" y="2919882"/>
                    <a:pt x="4735" y="2210172"/>
                    <a:pt x="0" y="1500463"/>
                  </a:cubicBezTo>
                  <a:close/>
                </a:path>
              </a:pathLst>
            </a:custGeom>
            <a:solidFill>
              <a:schemeClr val="accent5">
                <a:lumMod val="50000"/>
              </a:schemeClr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>
                <a:solidFill>
                  <a:schemeClr val="tx1"/>
                </a:solidFill>
              </a:endParaRPr>
            </a:p>
          </p:txBody>
        </p:sp>
        <p:sp>
          <p:nvSpPr>
            <p:cNvPr id="11" name="Isosceles Triangle 10"/>
            <p:cNvSpPr/>
            <p:nvPr/>
          </p:nvSpPr>
          <p:spPr>
            <a:xfrm>
              <a:off x="4300376" y="5373215"/>
              <a:ext cx="4874369" cy="1489893"/>
            </a:xfrm>
            <a:custGeom>
              <a:avLst/>
              <a:gdLst>
                <a:gd name="connsiteX0" fmla="*/ 0 w 4702919"/>
                <a:gd name="connsiteY0" fmla="*/ 1489893 h 1489893"/>
                <a:gd name="connsiteX1" fmla="*/ 4702919 w 4702919"/>
                <a:gd name="connsiteY1" fmla="*/ 0 h 1489893"/>
                <a:gd name="connsiteX2" fmla="*/ 4702919 w 4702919"/>
                <a:gd name="connsiteY2" fmla="*/ 1489893 h 1489893"/>
                <a:gd name="connsiteX3" fmla="*/ 0 w 4702919"/>
                <a:gd name="connsiteY3" fmla="*/ 1489893 h 1489893"/>
                <a:gd name="connsiteX0" fmla="*/ 0 w 4760069"/>
                <a:gd name="connsiteY0" fmla="*/ 1447031 h 1489893"/>
                <a:gd name="connsiteX1" fmla="*/ 4760069 w 4760069"/>
                <a:gd name="connsiteY1" fmla="*/ 0 h 1489893"/>
                <a:gd name="connsiteX2" fmla="*/ 4760069 w 4760069"/>
                <a:gd name="connsiteY2" fmla="*/ 1489893 h 1489893"/>
                <a:gd name="connsiteX3" fmla="*/ 0 w 4760069"/>
                <a:gd name="connsiteY3" fmla="*/ 1447031 h 1489893"/>
                <a:gd name="connsiteX0" fmla="*/ 0 w 4874369"/>
                <a:gd name="connsiteY0" fmla="*/ 1489893 h 1489893"/>
                <a:gd name="connsiteX1" fmla="*/ 4874369 w 4874369"/>
                <a:gd name="connsiteY1" fmla="*/ 0 h 1489893"/>
                <a:gd name="connsiteX2" fmla="*/ 4874369 w 4874369"/>
                <a:gd name="connsiteY2" fmla="*/ 1489893 h 1489893"/>
                <a:gd name="connsiteX3" fmla="*/ 0 w 4874369"/>
                <a:gd name="connsiteY3" fmla="*/ 1489893 h 14898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4874369" h="1489893">
                  <a:moveTo>
                    <a:pt x="0" y="1489893"/>
                  </a:moveTo>
                  <a:lnTo>
                    <a:pt x="4874369" y="0"/>
                  </a:lnTo>
                  <a:lnTo>
                    <a:pt x="4874369" y="1489893"/>
                  </a:lnTo>
                  <a:lnTo>
                    <a:pt x="0" y="1489893"/>
                  </a:lnTo>
                  <a:close/>
                </a:path>
              </a:pathLst>
            </a:custGeom>
            <a:solidFill>
              <a:srgbClr val="C00000"/>
            </a:solidFill>
            <a:ln>
              <a:solidFill>
                <a:srgbClr val="C0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  <p:sp>
        <p:nvSpPr>
          <p:cNvPr id="9" name="Freeform 8"/>
          <p:cNvSpPr/>
          <p:nvPr/>
        </p:nvSpPr>
        <p:spPr>
          <a:xfrm>
            <a:off x="5220072" y="1416862"/>
            <a:ext cx="2260058" cy="3274480"/>
          </a:xfrm>
          <a:custGeom>
            <a:avLst/>
            <a:gdLst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744484 w 2305070"/>
              <a:gd name="connsiteY22" fmla="*/ 242917 h 3274483"/>
              <a:gd name="connsiteX23" fmla="*/ 1787347 w 2305070"/>
              <a:gd name="connsiteY23" fmla="*/ 30 h 3274483"/>
              <a:gd name="connsiteX24" fmla="*/ 1887359 w 2305070"/>
              <a:gd name="connsiteY24" fmla="*/ 228630 h 3274483"/>
              <a:gd name="connsiteX25" fmla="*/ 1558747 w 2305070"/>
              <a:gd name="connsiteY25" fmla="*/ 571530 h 3274483"/>
              <a:gd name="connsiteX26" fmla="*/ 2030234 w 2305070"/>
              <a:gd name="connsiteY26" fmla="*/ 200055 h 3274483"/>
              <a:gd name="connsiteX27" fmla="*/ 1973084 w 2305070"/>
              <a:gd name="connsiteY27" fmla="*/ 57180 h 3274483"/>
              <a:gd name="connsiteX28" fmla="*/ 2087384 w 2305070"/>
              <a:gd name="connsiteY28" fmla="*/ 128617 h 3274483"/>
              <a:gd name="connsiteX29" fmla="*/ 2187397 w 2305070"/>
              <a:gd name="connsiteY29" fmla="*/ 114330 h 3274483"/>
              <a:gd name="connsiteX30" fmla="*/ 2258834 w 2305070"/>
              <a:gd name="connsiteY30" fmla="*/ 214342 h 3274483"/>
              <a:gd name="connsiteX31" fmla="*/ 1430159 w 2305070"/>
              <a:gd name="connsiteY31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258709 w 2305070"/>
              <a:gd name="connsiteY22" fmla="*/ 657255 h 3274483"/>
              <a:gd name="connsiteX23" fmla="*/ 1744484 w 2305070"/>
              <a:gd name="connsiteY23" fmla="*/ 242917 h 3274483"/>
              <a:gd name="connsiteX24" fmla="*/ 1787347 w 2305070"/>
              <a:gd name="connsiteY24" fmla="*/ 30 h 3274483"/>
              <a:gd name="connsiteX25" fmla="*/ 1887359 w 2305070"/>
              <a:gd name="connsiteY25" fmla="*/ 228630 h 3274483"/>
              <a:gd name="connsiteX26" fmla="*/ 1558747 w 2305070"/>
              <a:gd name="connsiteY26" fmla="*/ 571530 h 3274483"/>
              <a:gd name="connsiteX27" fmla="*/ 2030234 w 2305070"/>
              <a:gd name="connsiteY27" fmla="*/ 200055 h 3274483"/>
              <a:gd name="connsiteX28" fmla="*/ 1973084 w 2305070"/>
              <a:gd name="connsiteY28" fmla="*/ 57180 h 3274483"/>
              <a:gd name="connsiteX29" fmla="*/ 2087384 w 2305070"/>
              <a:gd name="connsiteY29" fmla="*/ 128617 h 3274483"/>
              <a:gd name="connsiteX30" fmla="*/ 2187397 w 2305070"/>
              <a:gd name="connsiteY30" fmla="*/ 114330 h 3274483"/>
              <a:gd name="connsiteX31" fmla="*/ 2258834 w 2305070"/>
              <a:gd name="connsiteY31" fmla="*/ 214342 h 3274483"/>
              <a:gd name="connsiteX32" fmla="*/ 1430159 w 2305070"/>
              <a:gd name="connsiteY32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244422 w 2305070"/>
              <a:gd name="connsiteY22" fmla="*/ 657255 h 3274483"/>
              <a:gd name="connsiteX23" fmla="*/ 1744484 w 2305070"/>
              <a:gd name="connsiteY23" fmla="*/ 242917 h 3274483"/>
              <a:gd name="connsiteX24" fmla="*/ 1787347 w 2305070"/>
              <a:gd name="connsiteY24" fmla="*/ 30 h 3274483"/>
              <a:gd name="connsiteX25" fmla="*/ 1887359 w 2305070"/>
              <a:gd name="connsiteY25" fmla="*/ 228630 h 3274483"/>
              <a:gd name="connsiteX26" fmla="*/ 1558747 w 2305070"/>
              <a:gd name="connsiteY26" fmla="*/ 571530 h 3274483"/>
              <a:gd name="connsiteX27" fmla="*/ 2030234 w 2305070"/>
              <a:gd name="connsiteY27" fmla="*/ 200055 h 3274483"/>
              <a:gd name="connsiteX28" fmla="*/ 1973084 w 2305070"/>
              <a:gd name="connsiteY28" fmla="*/ 57180 h 3274483"/>
              <a:gd name="connsiteX29" fmla="*/ 2087384 w 2305070"/>
              <a:gd name="connsiteY29" fmla="*/ 128617 h 3274483"/>
              <a:gd name="connsiteX30" fmla="*/ 2187397 w 2305070"/>
              <a:gd name="connsiteY30" fmla="*/ 114330 h 3274483"/>
              <a:gd name="connsiteX31" fmla="*/ 2258834 w 2305070"/>
              <a:gd name="connsiteY31" fmla="*/ 214342 h 3274483"/>
              <a:gd name="connsiteX32" fmla="*/ 1430159 w 2305070"/>
              <a:gd name="connsiteY32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244422 w 2305070"/>
              <a:gd name="connsiteY22" fmla="*/ 657255 h 3274483"/>
              <a:gd name="connsiteX23" fmla="*/ 1401584 w 2305070"/>
              <a:gd name="connsiteY23" fmla="*/ 528668 h 3274483"/>
              <a:gd name="connsiteX24" fmla="*/ 1744484 w 2305070"/>
              <a:gd name="connsiteY24" fmla="*/ 242917 h 3274483"/>
              <a:gd name="connsiteX25" fmla="*/ 1787347 w 2305070"/>
              <a:gd name="connsiteY25" fmla="*/ 30 h 3274483"/>
              <a:gd name="connsiteX26" fmla="*/ 1887359 w 2305070"/>
              <a:gd name="connsiteY26" fmla="*/ 228630 h 3274483"/>
              <a:gd name="connsiteX27" fmla="*/ 1558747 w 2305070"/>
              <a:gd name="connsiteY27" fmla="*/ 571530 h 3274483"/>
              <a:gd name="connsiteX28" fmla="*/ 2030234 w 2305070"/>
              <a:gd name="connsiteY28" fmla="*/ 200055 h 3274483"/>
              <a:gd name="connsiteX29" fmla="*/ 1973084 w 2305070"/>
              <a:gd name="connsiteY29" fmla="*/ 57180 h 3274483"/>
              <a:gd name="connsiteX30" fmla="*/ 2087384 w 2305070"/>
              <a:gd name="connsiteY30" fmla="*/ 128617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244422 w 2305070"/>
              <a:gd name="connsiteY22" fmla="*/ 657255 h 3274483"/>
              <a:gd name="connsiteX23" fmla="*/ 1272996 w 2305070"/>
              <a:gd name="connsiteY23" fmla="*/ 428655 h 3274483"/>
              <a:gd name="connsiteX24" fmla="*/ 1744484 w 2305070"/>
              <a:gd name="connsiteY24" fmla="*/ 242917 h 3274483"/>
              <a:gd name="connsiteX25" fmla="*/ 1787347 w 2305070"/>
              <a:gd name="connsiteY25" fmla="*/ 30 h 3274483"/>
              <a:gd name="connsiteX26" fmla="*/ 1887359 w 2305070"/>
              <a:gd name="connsiteY26" fmla="*/ 228630 h 3274483"/>
              <a:gd name="connsiteX27" fmla="*/ 1558747 w 2305070"/>
              <a:gd name="connsiteY27" fmla="*/ 571530 h 3274483"/>
              <a:gd name="connsiteX28" fmla="*/ 2030234 w 2305070"/>
              <a:gd name="connsiteY28" fmla="*/ 200055 h 3274483"/>
              <a:gd name="connsiteX29" fmla="*/ 1973084 w 2305070"/>
              <a:gd name="connsiteY29" fmla="*/ 57180 h 3274483"/>
              <a:gd name="connsiteX30" fmla="*/ 2087384 w 2305070"/>
              <a:gd name="connsiteY30" fmla="*/ 128617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244422 w 2305070"/>
              <a:gd name="connsiteY22" fmla="*/ 657255 h 3274483"/>
              <a:gd name="connsiteX23" fmla="*/ 1272996 w 2305070"/>
              <a:gd name="connsiteY23" fmla="*/ 428655 h 3274483"/>
              <a:gd name="connsiteX24" fmla="*/ 1573034 w 2305070"/>
              <a:gd name="connsiteY24" fmla="*/ 342931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58747 w 2305070"/>
              <a:gd name="connsiteY28" fmla="*/ 571530 h 3274483"/>
              <a:gd name="connsiteX29" fmla="*/ 2030234 w 2305070"/>
              <a:gd name="connsiteY29" fmla="*/ 200055 h 3274483"/>
              <a:gd name="connsiteX30" fmla="*/ 1973084 w 2305070"/>
              <a:gd name="connsiteY30" fmla="*/ 57180 h 3274483"/>
              <a:gd name="connsiteX31" fmla="*/ 2087384 w 2305070"/>
              <a:gd name="connsiteY31" fmla="*/ 128617 h 3274483"/>
              <a:gd name="connsiteX32" fmla="*/ 2187397 w 2305070"/>
              <a:gd name="connsiteY32" fmla="*/ 114330 h 3274483"/>
              <a:gd name="connsiteX33" fmla="*/ 2258834 w 2305070"/>
              <a:gd name="connsiteY33" fmla="*/ 214342 h 3274483"/>
              <a:gd name="connsiteX34" fmla="*/ 1430159 w 2305070"/>
              <a:gd name="connsiteY34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244422 w 2305070"/>
              <a:gd name="connsiteY22" fmla="*/ 657255 h 3274483"/>
              <a:gd name="connsiteX23" fmla="*/ 1272996 w 2305070"/>
              <a:gd name="connsiteY23" fmla="*/ 428655 h 3274483"/>
              <a:gd name="connsiteX24" fmla="*/ 1558746 w 2305070"/>
              <a:gd name="connsiteY24" fmla="*/ 428656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58747 w 2305070"/>
              <a:gd name="connsiteY28" fmla="*/ 571530 h 3274483"/>
              <a:gd name="connsiteX29" fmla="*/ 2030234 w 2305070"/>
              <a:gd name="connsiteY29" fmla="*/ 200055 h 3274483"/>
              <a:gd name="connsiteX30" fmla="*/ 1973084 w 2305070"/>
              <a:gd name="connsiteY30" fmla="*/ 57180 h 3274483"/>
              <a:gd name="connsiteX31" fmla="*/ 2087384 w 2305070"/>
              <a:gd name="connsiteY31" fmla="*/ 128617 h 3274483"/>
              <a:gd name="connsiteX32" fmla="*/ 2187397 w 2305070"/>
              <a:gd name="connsiteY32" fmla="*/ 114330 h 3274483"/>
              <a:gd name="connsiteX33" fmla="*/ 2258834 w 2305070"/>
              <a:gd name="connsiteY33" fmla="*/ 214342 h 3274483"/>
              <a:gd name="connsiteX34" fmla="*/ 1430159 w 2305070"/>
              <a:gd name="connsiteY34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244422 w 2305070"/>
              <a:gd name="connsiteY22" fmla="*/ 657255 h 3274483"/>
              <a:gd name="connsiteX23" fmla="*/ 1272996 w 2305070"/>
              <a:gd name="connsiteY23" fmla="*/ 428655 h 3274483"/>
              <a:gd name="connsiteX24" fmla="*/ 1558746 w 2305070"/>
              <a:gd name="connsiteY24" fmla="*/ 428656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58747 w 2305070"/>
              <a:gd name="connsiteY28" fmla="*/ 571530 h 3274483"/>
              <a:gd name="connsiteX29" fmla="*/ 2030234 w 2305070"/>
              <a:gd name="connsiteY29" fmla="*/ 200055 h 3274483"/>
              <a:gd name="connsiteX30" fmla="*/ 1973084 w 2305070"/>
              <a:gd name="connsiteY30" fmla="*/ 57180 h 3274483"/>
              <a:gd name="connsiteX31" fmla="*/ 2087384 w 2305070"/>
              <a:gd name="connsiteY31" fmla="*/ 128617 h 3274483"/>
              <a:gd name="connsiteX32" fmla="*/ 2187397 w 2305070"/>
              <a:gd name="connsiteY32" fmla="*/ 114330 h 3274483"/>
              <a:gd name="connsiteX33" fmla="*/ 2258834 w 2305070"/>
              <a:gd name="connsiteY33" fmla="*/ 214342 h 3274483"/>
              <a:gd name="connsiteX34" fmla="*/ 1430159 w 2305070"/>
              <a:gd name="connsiteY34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244422 w 2305070"/>
              <a:gd name="connsiteY22" fmla="*/ 657255 h 3274483"/>
              <a:gd name="connsiteX23" fmla="*/ 1272996 w 2305070"/>
              <a:gd name="connsiteY23" fmla="*/ 428655 h 3274483"/>
              <a:gd name="connsiteX24" fmla="*/ 1558746 w 2305070"/>
              <a:gd name="connsiteY24" fmla="*/ 428656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58747 w 2305070"/>
              <a:gd name="connsiteY28" fmla="*/ 571530 h 3274483"/>
              <a:gd name="connsiteX29" fmla="*/ 2030234 w 2305070"/>
              <a:gd name="connsiteY29" fmla="*/ 200055 h 3274483"/>
              <a:gd name="connsiteX30" fmla="*/ 1973084 w 2305070"/>
              <a:gd name="connsiteY30" fmla="*/ 57180 h 3274483"/>
              <a:gd name="connsiteX31" fmla="*/ 2087384 w 2305070"/>
              <a:gd name="connsiteY31" fmla="*/ 128617 h 3274483"/>
              <a:gd name="connsiteX32" fmla="*/ 2187397 w 2305070"/>
              <a:gd name="connsiteY32" fmla="*/ 114330 h 3274483"/>
              <a:gd name="connsiteX33" fmla="*/ 2258834 w 2305070"/>
              <a:gd name="connsiteY33" fmla="*/ 214342 h 3274483"/>
              <a:gd name="connsiteX34" fmla="*/ 1430159 w 2305070"/>
              <a:gd name="connsiteY34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244422 w 2305070"/>
              <a:gd name="connsiteY22" fmla="*/ 657255 h 3274483"/>
              <a:gd name="connsiteX23" fmla="*/ 1272996 w 2305070"/>
              <a:gd name="connsiteY23" fmla="*/ 428655 h 3274483"/>
              <a:gd name="connsiteX24" fmla="*/ 1573034 w 2305070"/>
              <a:gd name="connsiteY24" fmla="*/ 428656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58747 w 2305070"/>
              <a:gd name="connsiteY28" fmla="*/ 571530 h 3274483"/>
              <a:gd name="connsiteX29" fmla="*/ 2030234 w 2305070"/>
              <a:gd name="connsiteY29" fmla="*/ 200055 h 3274483"/>
              <a:gd name="connsiteX30" fmla="*/ 1973084 w 2305070"/>
              <a:gd name="connsiteY30" fmla="*/ 57180 h 3274483"/>
              <a:gd name="connsiteX31" fmla="*/ 2087384 w 2305070"/>
              <a:gd name="connsiteY31" fmla="*/ 128617 h 3274483"/>
              <a:gd name="connsiteX32" fmla="*/ 2187397 w 2305070"/>
              <a:gd name="connsiteY32" fmla="*/ 114330 h 3274483"/>
              <a:gd name="connsiteX33" fmla="*/ 2258834 w 2305070"/>
              <a:gd name="connsiteY33" fmla="*/ 214342 h 3274483"/>
              <a:gd name="connsiteX34" fmla="*/ 1430159 w 2305070"/>
              <a:gd name="connsiteY34" fmla="*/ 814417 h 3274483"/>
              <a:gd name="connsiteX0" fmla="*/ 1430159 w 2305070"/>
              <a:gd name="connsiteY0" fmla="*/ 814414 h 3274480"/>
              <a:gd name="connsiteX1" fmla="*/ 1458734 w 2305070"/>
              <a:gd name="connsiteY1" fmla="*/ 1157314 h 3274480"/>
              <a:gd name="connsiteX2" fmla="*/ 987247 w 2305070"/>
              <a:gd name="connsiteY2" fmla="*/ 1585939 h 3274480"/>
              <a:gd name="connsiteX3" fmla="*/ 1530172 w 2305070"/>
              <a:gd name="connsiteY3" fmla="*/ 2171727 h 3274480"/>
              <a:gd name="connsiteX4" fmla="*/ 1158697 w 2305070"/>
              <a:gd name="connsiteY4" fmla="*/ 2814664 h 3274480"/>
              <a:gd name="connsiteX5" fmla="*/ 1287284 w 2305070"/>
              <a:gd name="connsiteY5" fmla="*/ 2828952 h 3274480"/>
              <a:gd name="connsiteX6" fmla="*/ 1415872 w 2305070"/>
              <a:gd name="connsiteY6" fmla="*/ 2900389 h 3274480"/>
              <a:gd name="connsiteX7" fmla="*/ 930097 w 2305070"/>
              <a:gd name="connsiteY7" fmla="*/ 2986114 h 3274480"/>
              <a:gd name="connsiteX8" fmla="*/ 1287284 w 2305070"/>
              <a:gd name="connsiteY8" fmla="*/ 2228877 h 3274480"/>
              <a:gd name="connsiteX9" fmla="*/ 844372 w 2305070"/>
              <a:gd name="connsiteY9" fmla="*/ 1914552 h 3274480"/>
              <a:gd name="connsiteX10" fmla="*/ 672922 w 2305070"/>
              <a:gd name="connsiteY10" fmla="*/ 2486052 h 3274480"/>
              <a:gd name="connsiteX11" fmla="*/ 215722 w 2305070"/>
              <a:gd name="connsiteY11" fmla="*/ 2971827 h 3274480"/>
              <a:gd name="connsiteX12" fmla="*/ 401459 w 2305070"/>
              <a:gd name="connsiteY12" fmla="*/ 3100414 h 3274480"/>
              <a:gd name="connsiteX13" fmla="*/ 230009 w 2305070"/>
              <a:gd name="connsiteY13" fmla="*/ 3271864 h 3274480"/>
              <a:gd name="connsiteX14" fmla="*/ 1409 w 2305070"/>
              <a:gd name="connsiteY14" fmla="*/ 2957539 h 3274480"/>
              <a:gd name="connsiteX15" fmla="*/ 144284 w 2305070"/>
              <a:gd name="connsiteY15" fmla="*/ 2886102 h 3274480"/>
              <a:gd name="connsiteX16" fmla="*/ 358597 w 2305070"/>
              <a:gd name="connsiteY16" fmla="*/ 2400327 h 3274480"/>
              <a:gd name="connsiteX17" fmla="*/ 515759 w 2305070"/>
              <a:gd name="connsiteY17" fmla="*/ 2271739 h 3274480"/>
              <a:gd name="connsiteX18" fmla="*/ 558622 w 2305070"/>
              <a:gd name="connsiteY18" fmla="*/ 1671664 h 3274480"/>
              <a:gd name="connsiteX19" fmla="*/ 501472 w 2305070"/>
              <a:gd name="connsiteY19" fmla="*/ 1500214 h 3274480"/>
              <a:gd name="connsiteX20" fmla="*/ 972959 w 2305070"/>
              <a:gd name="connsiteY20" fmla="*/ 1114452 h 3274480"/>
              <a:gd name="connsiteX21" fmla="*/ 1001534 w 2305070"/>
              <a:gd name="connsiteY21" fmla="*/ 842989 h 3274480"/>
              <a:gd name="connsiteX22" fmla="*/ 1244422 w 2305070"/>
              <a:gd name="connsiteY22" fmla="*/ 657252 h 3274480"/>
              <a:gd name="connsiteX23" fmla="*/ 1272996 w 2305070"/>
              <a:gd name="connsiteY23" fmla="*/ 428652 h 3274480"/>
              <a:gd name="connsiteX24" fmla="*/ 1573034 w 2305070"/>
              <a:gd name="connsiteY24" fmla="*/ 428653 h 3274480"/>
              <a:gd name="connsiteX25" fmla="*/ 1744484 w 2305070"/>
              <a:gd name="connsiteY25" fmla="*/ 242914 h 3274480"/>
              <a:gd name="connsiteX26" fmla="*/ 1787347 w 2305070"/>
              <a:gd name="connsiteY26" fmla="*/ 27 h 3274480"/>
              <a:gd name="connsiteX27" fmla="*/ 1887359 w 2305070"/>
              <a:gd name="connsiteY27" fmla="*/ 228627 h 3274480"/>
              <a:gd name="connsiteX28" fmla="*/ 1687334 w 2305070"/>
              <a:gd name="connsiteY28" fmla="*/ 428652 h 3274480"/>
              <a:gd name="connsiteX29" fmla="*/ 2030234 w 2305070"/>
              <a:gd name="connsiteY29" fmla="*/ 200052 h 3274480"/>
              <a:gd name="connsiteX30" fmla="*/ 1973084 w 2305070"/>
              <a:gd name="connsiteY30" fmla="*/ 57177 h 3274480"/>
              <a:gd name="connsiteX31" fmla="*/ 2087384 w 2305070"/>
              <a:gd name="connsiteY31" fmla="*/ 128614 h 3274480"/>
              <a:gd name="connsiteX32" fmla="*/ 2187397 w 2305070"/>
              <a:gd name="connsiteY32" fmla="*/ 114327 h 3274480"/>
              <a:gd name="connsiteX33" fmla="*/ 2258834 w 2305070"/>
              <a:gd name="connsiteY33" fmla="*/ 214339 h 3274480"/>
              <a:gd name="connsiteX34" fmla="*/ 1430159 w 2305070"/>
              <a:gd name="connsiteY34" fmla="*/ 814414 h 3274480"/>
              <a:gd name="connsiteX0" fmla="*/ 1430159 w 2305070"/>
              <a:gd name="connsiteY0" fmla="*/ 814415 h 3274481"/>
              <a:gd name="connsiteX1" fmla="*/ 1458734 w 2305070"/>
              <a:gd name="connsiteY1" fmla="*/ 1157315 h 3274481"/>
              <a:gd name="connsiteX2" fmla="*/ 987247 w 2305070"/>
              <a:gd name="connsiteY2" fmla="*/ 1585940 h 3274481"/>
              <a:gd name="connsiteX3" fmla="*/ 1530172 w 2305070"/>
              <a:gd name="connsiteY3" fmla="*/ 2171728 h 3274481"/>
              <a:gd name="connsiteX4" fmla="*/ 1158697 w 2305070"/>
              <a:gd name="connsiteY4" fmla="*/ 2814665 h 3274481"/>
              <a:gd name="connsiteX5" fmla="*/ 1287284 w 2305070"/>
              <a:gd name="connsiteY5" fmla="*/ 2828953 h 3274481"/>
              <a:gd name="connsiteX6" fmla="*/ 1415872 w 2305070"/>
              <a:gd name="connsiteY6" fmla="*/ 2900390 h 3274481"/>
              <a:gd name="connsiteX7" fmla="*/ 930097 w 2305070"/>
              <a:gd name="connsiteY7" fmla="*/ 2986115 h 3274481"/>
              <a:gd name="connsiteX8" fmla="*/ 1287284 w 2305070"/>
              <a:gd name="connsiteY8" fmla="*/ 2228878 h 3274481"/>
              <a:gd name="connsiteX9" fmla="*/ 844372 w 2305070"/>
              <a:gd name="connsiteY9" fmla="*/ 1914553 h 3274481"/>
              <a:gd name="connsiteX10" fmla="*/ 672922 w 2305070"/>
              <a:gd name="connsiteY10" fmla="*/ 2486053 h 3274481"/>
              <a:gd name="connsiteX11" fmla="*/ 215722 w 2305070"/>
              <a:gd name="connsiteY11" fmla="*/ 2971828 h 3274481"/>
              <a:gd name="connsiteX12" fmla="*/ 401459 w 2305070"/>
              <a:gd name="connsiteY12" fmla="*/ 3100415 h 3274481"/>
              <a:gd name="connsiteX13" fmla="*/ 230009 w 2305070"/>
              <a:gd name="connsiteY13" fmla="*/ 3271865 h 3274481"/>
              <a:gd name="connsiteX14" fmla="*/ 1409 w 2305070"/>
              <a:gd name="connsiteY14" fmla="*/ 2957540 h 3274481"/>
              <a:gd name="connsiteX15" fmla="*/ 144284 w 2305070"/>
              <a:gd name="connsiteY15" fmla="*/ 2886103 h 3274481"/>
              <a:gd name="connsiteX16" fmla="*/ 358597 w 2305070"/>
              <a:gd name="connsiteY16" fmla="*/ 2400328 h 3274481"/>
              <a:gd name="connsiteX17" fmla="*/ 515759 w 2305070"/>
              <a:gd name="connsiteY17" fmla="*/ 2271740 h 3274481"/>
              <a:gd name="connsiteX18" fmla="*/ 558622 w 2305070"/>
              <a:gd name="connsiteY18" fmla="*/ 1671665 h 3274481"/>
              <a:gd name="connsiteX19" fmla="*/ 501472 w 2305070"/>
              <a:gd name="connsiteY19" fmla="*/ 1500215 h 3274481"/>
              <a:gd name="connsiteX20" fmla="*/ 972959 w 2305070"/>
              <a:gd name="connsiteY20" fmla="*/ 1114453 h 3274481"/>
              <a:gd name="connsiteX21" fmla="*/ 1001534 w 2305070"/>
              <a:gd name="connsiteY21" fmla="*/ 842990 h 3274481"/>
              <a:gd name="connsiteX22" fmla="*/ 1244422 w 2305070"/>
              <a:gd name="connsiteY22" fmla="*/ 657253 h 3274481"/>
              <a:gd name="connsiteX23" fmla="*/ 1272996 w 2305070"/>
              <a:gd name="connsiteY23" fmla="*/ 428653 h 3274481"/>
              <a:gd name="connsiteX24" fmla="*/ 1573034 w 2305070"/>
              <a:gd name="connsiteY24" fmla="*/ 428654 h 3274481"/>
              <a:gd name="connsiteX25" fmla="*/ 1744484 w 2305070"/>
              <a:gd name="connsiteY25" fmla="*/ 242915 h 3274481"/>
              <a:gd name="connsiteX26" fmla="*/ 1787347 w 2305070"/>
              <a:gd name="connsiteY26" fmla="*/ 28 h 3274481"/>
              <a:gd name="connsiteX27" fmla="*/ 1887359 w 2305070"/>
              <a:gd name="connsiteY27" fmla="*/ 228628 h 3274481"/>
              <a:gd name="connsiteX28" fmla="*/ 1615897 w 2305070"/>
              <a:gd name="connsiteY28" fmla="*/ 500091 h 3274481"/>
              <a:gd name="connsiteX29" fmla="*/ 2030234 w 2305070"/>
              <a:gd name="connsiteY29" fmla="*/ 200053 h 3274481"/>
              <a:gd name="connsiteX30" fmla="*/ 1973084 w 2305070"/>
              <a:gd name="connsiteY30" fmla="*/ 57178 h 3274481"/>
              <a:gd name="connsiteX31" fmla="*/ 2087384 w 2305070"/>
              <a:gd name="connsiteY31" fmla="*/ 128615 h 3274481"/>
              <a:gd name="connsiteX32" fmla="*/ 2187397 w 2305070"/>
              <a:gd name="connsiteY32" fmla="*/ 114328 h 3274481"/>
              <a:gd name="connsiteX33" fmla="*/ 2258834 w 2305070"/>
              <a:gd name="connsiteY33" fmla="*/ 214340 h 3274481"/>
              <a:gd name="connsiteX34" fmla="*/ 1430159 w 2305070"/>
              <a:gd name="connsiteY34" fmla="*/ 814415 h 3274481"/>
              <a:gd name="connsiteX0" fmla="*/ 1430159 w 2305070"/>
              <a:gd name="connsiteY0" fmla="*/ 814415 h 3274481"/>
              <a:gd name="connsiteX1" fmla="*/ 1458734 w 2305070"/>
              <a:gd name="connsiteY1" fmla="*/ 1157315 h 3274481"/>
              <a:gd name="connsiteX2" fmla="*/ 987247 w 2305070"/>
              <a:gd name="connsiteY2" fmla="*/ 1585940 h 3274481"/>
              <a:gd name="connsiteX3" fmla="*/ 1530172 w 2305070"/>
              <a:gd name="connsiteY3" fmla="*/ 2171728 h 3274481"/>
              <a:gd name="connsiteX4" fmla="*/ 1158697 w 2305070"/>
              <a:gd name="connsiteY4" fmla="*/ 2814665 h 3274481"/>
              <a:gd name="connsiteX5" fmla="*/ 1287284 w 2305070"/>
              <a:gd name="connsiteY5" fmla="*/ 2828953 h 3274481"/>
              <a:gd name="connsiteX6" fmla="*/ 1415872 w 2305070"/>
              <a:gd name="connsiteY6" fmla="*/ 2900390 h 3274481"/>
              <a:gd name="connsiteX7" fmla="*/ 930097 w 2305070"/>
              <a:gd name="connsiteY7" fmla="*/ 2986115 h 3274481"/>
              <a:gd name="connsiteX8" fmla="*/ 1287284 w 2305070"/>
              <a:gd name="connsiteY8" fmla="*/ 2228878 h 3274481"/>
              <a:gd name="connsiteX9" fmla="*/ 844372 w 2305070"/>
              <a:gd name="connsiteY9" fmla="*/ 1914553 h 3274481"/>
              <a:gd name="connsiteX10" fmla="*/ 672922 w 2305070"/>
              <a:gd name="connsiteY10" fmla="*/ 2486053 h 3274481"/>
              <a:gd name="connsiteX11" fmla="*/ 215722 w 2305070"/>
              <a:gd name="connsiteY11" fmla="*/ 2971828 h 3274481"/>
              <a:gd name="connsiteX12" fmla="*/ 401459 w 2305070"/>
              <a:gd name="connsiteY12" fmla="*/ 3100415 h 3274481"/>
              <a:gd name="connsiteX13" fmla="*/ 230009 w 2305070"/>
              <a:gd name="connsiteY13" fmla="*/ 3271865 h 3274481"/>
              <a:gd name="connsiteX14" fmla="*/ 1409 w 2305070"/>
              <a:gd name="connsiteY14" fmla="*/ 2957540 h 3274481"/>
              <a:gd name="connsiteX15" fmla="*/ 144284 w 2305070"/>
              <a:gd name="connsiteY15" fmla="*/ 2886103 h 3274481"/>
              <a:gd name="connsiteX16" fmla="*/ 358597 w 2305070"/>
              <a:gd name="connsiteY16" fmla="*/ 2400328 h 3274481"/>
              <a:gd name="connsiteX17" fmla="*/ 515759 w 2305070"/>
              <a:gd name="connsiteY17" fmla="*/ 2271740 h 3274481"/>
              <a:gd name="connsiteX18" fmla="*/ 558622 w 2305070"/>
              <a:gd name="connsiteY18" fmla="*/ 1671665 h 3274481"/>
              <a:gd name="connsiteX19" fmla="*/ 501472 w 2305070"/>
              <a:gd name="connsiteY19" fmla="*/ 1500215 h 3274481"/>
              <a:gd name="connsiteX20" fmla="*/ 972959 w 2305070"/>
              <a:gd name="connsiteY20" fmla="*/ 1114453 h 3274481"/>
              <a:gd name="connsiteX21" fmla="*/ 1001534 w 2305070"/>
              <a:gd name="connsiteY21" fmla="*/ 842990 h 3274481"/>
              <a:gd name="connsiteX22" fmla="*/ 1130122 w 2305070"/>
              <a:gd name="connsiteY22" fmla="*/ 657253 h 3274481"/>
              <a:gd name="connsiteX23" fmla="*/ 1272996 w 2305070"/>
              <a:gd name="connsiteY23" fmla="*/ 428653 h 3274481"/>
              <a:gd name="connsiteX24" fmla="*/ 1573034 w 2305070"/>
              <a:gd name="connsiteY24" fmla="*/ 428654 h 3274481"/>
              <a:gd name="connsiteX25" fmla="*/ 1744484 w 2305070"/>
              <a:gd name="connsiteY25" fmla="*/ 242915 h 3274481"/>
              <a:gd name="connsiteX26" fmla="*/ 1787347 w 2305070"/>
              <a:gd name="connsiteY26" fmla="*/ 28 h 3274481"/>
              <a:gd name="connsiteX27" fmla="*/ 1887359 w 2305070"/>
              <a:gd name="connsiteY27" fmla="*/ 228628 h 3274481"/>
              <a:gd name="connsiteX28" fmla="*/ 1615897 w 2305070"/>
              <a:gd name="connsiteY28" fmla="*/ 500091 h 3274481"/>
              <a:gd name="connsiteX29" fmla="*/ 2030234 w 2305070"/>
              <a:gd name="connsiteY29" fmla="*/ 200053 h 3274481"/>
              <a:gd name="connsiteX30" fmla="*/ 1973084 w 2305070"/>
              <a:gd name="connsiteY30" fmla="*/ 57178 h 3274481"/>
              <a:gd name="connsiteX31" fmla="*/ 2087384 w 2305070"/>
              <a:gd name="connsiteY31" fmla="*/ 128615 h 3274481"/>
              <a:gd name="connsiteX32" fmla="*/ 2187397 w 2305070"/>
              <a:gd name="connsiteY32" fmla="*/ 114328 h 3274481"/>
              <a:gd name="connsiteX33" fmla="*/ 2258834 w 2305070"/>
              <a:gd name="connsiteY33" fmla="*/ 214340 h 3274481"/>
              <a:gd name="connsiteX34" fmla="*/ 1430159 w 2305070"/>
              <a:gd name="connsiteY34" fmla="*/ 814415 h 3274481"/>
              <a:gd name="connsiteX0" fmla="*/ 1430159 w 2305070"/>
              <a:gd name="connsiteY0" fmla="*/ 814415 h 3274481"/>
              <a:gd name="connsiteX1" fmla="*/ 1458734 w 2305070"/>
              <a:gd name="connsiteY1" fmla="*/ 1157315 h 3274481"/>
              <a:gd name="connsiteX2" fmla="*/ 987247 w 2305070"/>
              <a:gd name="connsiteY2" fmla="*/ 1585940 h 3274481"/>
              <a:gd name="connsiteX3" fmla="*/ 1530172 w 2305070"/>
              <a:gd name="connsiteY3" fmla="*/ 2171728 h 3274481"/>
              <a:gd name="connsiteX4" fmla="*/ 1158697 w 2305070"/>
              <a:gd name="connsiteY4" fmla="*/ 2814665 h 3274481"/>
              <a:gd name="connsiteX5" fmla="*/ 1287284 w 2305070"/>
              <a:gd name="connsiteY5" fmla="*/ 2828953 h 3274481"/>
              <a:gd name="connsiteX6" fmla="*/ 1415872 w 2305070"/>
              <a:gd name="connsiteY6" fmla="*/ 2900390 h 3274481"/>
              <a:gd name="connsiteX7" fmla="*/ 930097 w 2305070"/>
              <a:gd name="connsiteY7" fmla="*/ 2986115 h 3274481"/>
              <a:gd name="connsiteX8" fmla="*/ 1287284 w 2305070"/>
              <a:gd name="connsiteY8" fmla="*/ 2228878 h 3274481"/>
              <a:gd name="connsiteX9" fmla="*/ 844372 w 2305070"/>
              <a:gd name="connsiteY9" fmla="*/ 1914553 h 3274481"/>
              <a:gd name="connsiteX10" fmla="*/ 672922 w 2305070"/>
              <a:gd name="connsiteY10" fmla="*/ 2486053 h 3274481"/>
              <a:gd name="connsiteX11" fmla="*/ 215722 w 2305070"/>
              <a:gd name="connsiteY11" fmla="*/ 2971828 h 3274481"/>
              <a:gd name="connsiteX12" fmla="*/ 401459 w 2305070"/>
              <a:gd name="connsiteY12" fmla="*/ 3100415 h 3274481"/>
              <a:gd name="connsiteX13" fmla="*/ 230009 w 2305070"/>
              <a:gd name="connsiteY13" fmla="*/ 3271865 h 3274481"/>
              <a:gd name="connsiteX14" fmla="*/ 1409 w 2305070"/>
              <a:gd name="connsiteY14" fmla="*/ 2957540 h 3274481"/>
              <a:gd name="connsiteX15" fmla="*/ 144284 w 2305070"/>
              <a:gd name="connsiteY15" fmla="*/ 2886103 h 3274481"/>
              <a:gd name="connsiteX16" fmla="*/ 358597 w 2305070"/>
              <a:gd name="connsiteY16" fmla="*/ 2400328 h 3274481"/>
              <a:gd name="connsiteX17" fmla="*/ 515759 w 2305070"/>
              <a:gd name="connsiteY17" fmla="*/ 2271740 h 3274481"/>
              <a:gd name="connsiteX18" fmla="*/ 558622 w 2305070"/>
              <a:gd name="connsiteY18" fmla="*/ 1671665 h 3274481"/>
              <a:gd name="connsiteX19" fmla="*/ 501472 w 2305070"/>
              <a:gd name="connsiteY19" fmla="*/ 1500215 h 3274481"/>
              <a:gd name="connsiteX20" fmla="*/ 972959 w 2305070"/>
              <a:gd name="connsiteY20" fmla="*/ 1114453 h 3274481"/>
              <a:gd name="connsiteX21" fmla="*/ 1001534 w 2305070"/>
              <a:gd name="connsiteY21" fmla="*/ 842990 h 3274481"/>
              <a:gd name="connsiteX22" fmla="*/ 1130122 w 2305070"/>
              <a:gd name="connsiteY22" fmla="*/ 657253 h 3274481"/>
              <a:gd name="connsiteX23" fmla="*/ 1187271 w 2305070"/>
              <a:gd name="connsiteY23" fmla="*/ 371503 h 3274481"/>
              <a:gd name="connsiteX24" fmla="*/ 1573034 w 2305070"/>
              <a:gd name="connsiteY24" fmla="*/ 428654 h 3274481"/>
              <a:gd name="connsiteX25" fmla="*/ 1744484 w 2305070"/>
              <a:gd name="connsiteY25" fmla="*/ 242915 h 3274481"/>
              <a:gd name="connsiteX26" fmla="*/ 1787347 w 2305070"/>
              <a:gd name="connsiteY26" fmla="*/ 28 h 3274481"/>
              <a:gd name="connsiteX27" fmla="*/ 1887359 w 2305070"/>
              <a:gd name="connsiteY27" fmla="*/ 228628 h 3274481"/>
              <a:gd name="connsiteX28" fmla="*/ 1615897 w 2305070"/>
              <a:gd name="connsiteY28" fmla="*/ 500091 h 3274481"/>
              <a:gd name="connsiteX29" fmla="*/ 2030234 w 2305070"/>
              <a:gd name="connsiteY29" fmla="*/ 200053 h 3274481"/>
              <a:gd name="connsiteX30" fmla="*/ 1973084 w 2305070"/>
              <a:gd name="connsiteY30" fmla="*/ 57178 h 3274481"/>
              <a:gd name="connsiteX31" fmla="*/ 2087384 w 2305070"/>
              <a:gd name="connsiteY31" fmla="*/ 128615 h 3274481"/>
              <a:gd name="connsiteX32" fmla="*/ 2187397 w 2305070"/>
              <a:gd name="connsiteY32" fmla="*/ 114328 h 3274481"/>
              <a:gd name="connsiteX33" fmla="*/ 2258834 w 2305070"/>
              <a:gd name="connsiteY33" fmla="*/ 214340 h 3274481"/>
              <a:gd name="connsiteX34" fmla="*/ 1430159 w 2305070"/>
              <a:gd name="connsiteY34" fmla="*/ 814415 h 3274481"/>
              <a:gd name="connsiteX0" fmla="*/ 1430159 w 2305070"/>
              <a:gd name="connsiteY0" fmla="*/ 814415 h 3274481"/>
              <a:gd name="connsiteX1" fmla="*/ 1458734 w 2305070"/>
              <a:gd name="connsiteY1" fmla="*/ 1157315 h 3274481"/>
              <a:gd name="connsiteX2" fmla="*/ 987247 w 2305070"/>
              <a:gd name="connsiteY2" fmla="*/ 1585940 h 3274481"/>
              <a:gd name="connsiteX3" fmla="*/ 1530172 w 2305070"/>
              <a:gd name="connsiteY3" fmla="*/ 2171728 h 3274481"/>
              <a:gd name="connsiteX4" fmla="*/ 1158697 w 2305070"/>
              <a:gd name="connsiteY4" fmla="*/ 2814665 h 3274481"/>
              <a:gd name="connsiteX5" fmla="*/ 1287284 w 2305070"/>
              <a:gd name="connsiteY5" fmla="*/ 2828953 h 3274481"/>
              <a:gd name="connsiteX6" fmla="*/ 1415872 w 2305070"/>
              <a:gd name="connsiteY6" fmla="*/ 2900390 h 3274481"/>
              <a:gd name="connsiteX7" fmla="*/ 930097 w 2305070"/>
              <a:gd name="connsiteY7" fmla="*/ 2986115 h 3274481"/>
              <a:gd name="connsiteX8" fmla="*/ 1287284 w 2305070"/>
              <a:gd name="connsiteY8" fmla="*/ 2228878 h 3274481"/>
              <a:gd name="connsiteX9" fmla="*/ 844372 w 2305070"/>
              <a:gd name="connsiteY9" fmla="*/ 1914553 h 3274481"/>
              <a:gd name="connsiteX10" fmla="*/ 672922 w 2305070"/>
              <a:gd name="connsiteY10" fmla="*/ 2486053 h 3274481"/>
              <a:gd name="connsiteX11" fmla="*/ 215722 w 2305070"/>
              <a:gd name="connsiteY11" fmla="*/ 2971828 h 3274481"/>
              <a:gd name="connsiteX12" fmla="*/ 401459 w 2305070"/>
              <a:gd name="connsiteY12" fmla="*/ 3100415 h 3274481"/>
              <a:gd name="connsiteX13" fmla="*/ 230009 w 2305070"/>
              <a:gd name="connsiteY13" fmla="*/ 3271865 h 3274481"/>
              <a:gd name="connsiteX14" fmla="*/ 1409 w 2305070"/>
              <a:gd name="connsiteY14" fmla="*/ 2957540 h 3274481"/>
              <a:gd name="connsiteX15" fmla="*/ 144284 w 2305070"/>
              <a:gd name="connsiteY15" fmla="*/ 2886103 h 3274481"/>
              <a:gd name="connsiteX16" fmla="*/ 358597 w 2305070"/>
              <a:gd name="connsiteY16" fmla="*/ 2400328 h 3274481"/>
              <a:gd name="connsiteX17" fmla="*/ 515759 w 2305070"/>
              <a:gd name="connsiteY17" fmla="*/ 2271740 h 3274481"/>
              <a:gd name="connsiteX18" fmla="*/ 558622 w 2305070"/>
              <a:gd name="connsiteY18" fmla="*/ 1671665 h 3274481"/>
              <a:gd name="connsiteX19" fmla="*/ 501472 w 2305070"/>
              <a:gd name="connsiteY19" fmla="*/ 1500215 h 3274481"/>
              <a:gd name="connsiteX20" fmla="*/ 972959 w 2305070"/>
              <a:gd name="connsiteY20" fmla="*/ 1114453 h 3274481"/>
              <a:gd name="connsiteX21" fmla="*/ 1001534 w 2305070"/>
              <a:gd name="connsiteY21" fmla="*/ 842990 h 3274481"/>
              <a:gd name="connsiteX22" fmla="*/ 1130122 w 2305070"/>
              <a:gd name="connsiteY22" fmla="*/ 657253 h 3274481"/>
              <a:gd name="connsiteX23" fmla="*/ 1187271 w 2305070"/>
              <a:gd name="connsiteY23" fmla="*/ 371503 h 3274481"/>
              <a:gd name="connsiteX24" fmla="*/ 1573034 w 2305070"/>
              <a:gd name="connsiteY24" fmla="*/ 428654 h 3274481"/>
              <a:gd name="connsiteX25" fmla="*/ 1744484 w 2305070"/>
              <a:gd name="connsiteY25" fmla="*/ 242915 h 3274481"/>
              <a:gd name="connsiteX26" fmla="*/ 1787347 w 2305070"/>
              <a:gd name="connsiteY26" fmla="*/ 28 h 3274481"/>
              <a:gd name="connsiteX27" fmla="*/ 1887359 w 2305070"/>
              <a:gd name="connsiteY27" fmla="*/ 228628 h 3274481"/>
              <a:gd name="connsiteX28" fmla="*/ 1615897 w 2305070"/>
              <a:gd name="connsiteY28" fmla="*/ 500091 h 3274481"/>
              <a:gd name="connsiteX29" fmla="*/ 2030234 w 2305070"/>
              <a:gd name="connsiteY29" fmla="*/ 200053 h 3274481"/>
              <a:gd name="connsiteX30" fmla="*/ 1973084 w 2305070"/>
              <a:gd name="connsiteY30" fmla="*/ 57178 h 3274481"/>
              <a:gd name="connsiteX31" fmla="*/ 2087384 w 2305070"/>
              <a:gd name="connsiteY31" fmla="*/ 128615 h 3274481"/>
              <a:gd name="connsiteX32" fmla="*/ 2187397 w 2305070"/>
              <a:gd name="connsiteY32" fmla="*/ 114328 h 3274481"/>
              <a:gd name="connsiteX33" fmla="*/ 2258834 w 2305070"/>
              <a:gd name="connsiteY33" fmla="*/ 214340 h 3274481"/>
              <a:gd name="connsiteX34" fmla="*/ 1430159 w 2305070"/>
              <a:gd name="connsiteY34" fmla="*/ 814415 h 3274481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130122 w 2305070"/>
              <a:gd name="connsiteY22" fmla="*/ 657255 h 3274483"/>
              <a:gd name="connsiteX23" fmla="*/ 1187271 w 2305070"/>
              <a:gd name="connsiteY23" fmla="*/ 371505 h 3274483"/>
              <a:gd name="connsiteX24" fmla="*/ 1573034 w 2305070"/>
              <a:gd name="connsiteY24" fmla="*/ 428656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01597 w 2305070"/>
              <a:gd name="connsiteY28" fmla="*/ 571530 h 3274483"/>
              <a:gd name="connsiteX29" fmla="*/ 2030234 w 2305070"/>
              <a:gd name="connsiteY29" fmla="*/ 200055 h 3274483"/>
              <a:gd name="connsiteX30" fmla="*/ 1973084 w 2305070"/>
              <a:gd name="connsiteY30" fmla="*/ 57180 h 3274483"/>
              <a:gd name="connsiteX31" fmla="*/ 2087384 w 2305070"/>
              <a:gd name="connsiteY31" fmla="*/ 128617 h 3274483"/>
              <a:gd name="connsiteX32" fmla="*/ 2187397 w 2305070"/>
              <a:gd name="connsiteY32" fmla="*/ 114330 h 3274483"/>
              <a:gd name="connsiteX33" fmla="*/ 2258834 w 2305070"/>
              <a:gd name="connsiteY33" fmla="*/ 214342 h 3274483"/>
              <a:gd name="connsiteX34" fmla="*/ 1430159 w 2305070"/>
              <a:gd name="connsiteY34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130122 w 2305070"/>
              <a:gd name="connsiteY22" fmla="*/ 657255 h 3274483"/>
              <a:gd name="connsiteX23" fmla="*/ 1187271 w 2305070"/>
              <a:gd name="connsiteY23" fmla="*/ 371505 h 3274483"/>
              <a:gd name="connsiteX24" fmla="*/ 1573034 w 2305070"/>
              <a:gd name="connsiteY24" fmla="*/ 428656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01597 w 2305070"/>
              <a:gd name="connsiteY28" fmla="*/ 571530 h 3274483"/>
              <a:gd name="connsiteX29" fmla="*/ 2030234 w 2305070"/>
              <a:gd name="connsiteY29" fmla="*/ 200055 h 3274483"/>
              <a:gd name="connsiteX30" fmla="*/ 2087384 w 2305070"/>
              <a:gd name="connsiteY30" fmla="*/ 128617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130122 w 2305070"/>
              <a:gd name="connsiteY22" fmla="*/ 657255 h 3274483"/>
              <a:gd name="connsiteX23" fmla="*/ 1187271 w 2305070"/>
              <a:gd name="connsiteY23" fmla="*/ 371505 h 3274483"/>
              <a:gd name="connsiteX24" fmla="*/ 1573034 w 2305070"/>
              <a:gd name="connsiteY24" fmla="*/ 428656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01597 w 2305070"/>
              <a:gd name="connsiteY28" fmla="*/ 571530 h 3274483"/>
              <a:gd name="connsiteX29" fmla="*/ 2030234 w 2305070"/>
              <a:gd name="connsiteY29" fmla="*/ 200055 h 3274483"/>
              <a:gd name="connsiteX30" fmla="*/ 2044522 w 2305070"/>
              <a:gd name="connsiteY30" fmla="*/ 42892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130122 w 2305070"/>
              <a:gd name="connsiteY22" fmla="*/ 657255 h 3274483"/>
              <a:gd name="connsiteX23" fmla="*/ 1187271 w 2305070"/>
              <a:gd name="connsiteY23" fmla="*/ 371505 h 3274483"/>
              <a:gd name="connsiteX24" fmla="*/ 1573034 w 2305070"/>
              <a:gd name="connsiteY24" fmla="*/ 428656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630185 w 2305070"/>
              <a:gd name="connsiteY28" fmla="*/ 528668 h 3274483"/>
              <a:gd name="connsiteX29" fmla="*/ 2030234 w 2305070"/>
              <a:gd name="connsiteY29" fmla="*/ 200055 h 3274483"/>
              <a:gd name="connsiteX30" fmla="*/ 2044522 w 2305070"/>
              <a:gd name="connsiteY30" fmla="*/ 42892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130122 w 2305070"/>
              <a:gd name="connsiteY22" fmla="*/ 657255 h 3274483"/>
              <a:gd name="connsiteX23" fmla="*/ 1187271 w 2305070"/>
              <a:gd name="connsiteY23" fmla="*/ 371505 h 3274483"/>
              <a:gd name="connsiteX24" fmla="*/ 1573034 w 2305070"/>
              <a:gd name="connsiteY24" fmla="*/ 428656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87323 w 2305070"/>
              <a:gd name="connsiteY28" fmla="*/ 557243 h 3274483"/>
              <a:gd name="connsiteX29" fmla="*/ 2030234 w 2305070"/>
              <a:gd name="connsiteY29" fmla="*/ 200055 h 3274483"/>
              <a:gd name="connsiteX30" fmla="*/ 2044522 w 2305070"/>
              <a:gd name="connsiteY30" fmla="*/ 42892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130122 w 2305070"/>
              <a:gd name="connsiteY22" fmla="*/ 657255 h 3274483"/>
              <a:gd name="connsiteX23" fmla="*/ 1187271 w 2305070"/>
              <a:gd name="connsiteY23" fmla="*/ 371505 h 3274483"/>
              <a:gd name="connsiteX24" fmla="*/ 1558747 w 2305070"/>
              <a:gd name="connsiteY24" fmla="*/ 500094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87323 w 2305070"/>
              <a:gd name="connsiteY28" fmla="*/ 557243 h 3274483"/>
              <a:gd name="connsiteX29" fmla="*/ 2030234 w 2305070"/>
              <a:gd name="connsiteY29" fmla="*/ 200055 h 3274483"/>
              <a:gd name="connsiteX30" fmla="*/ 2044522 w 2305070"/>
              <a:gd name="connsiteY30" fmla="*/ 42892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130122 w 2305070"/>
              <a:gd name="connsiteY22" fmla="*/ 657255 h 3274483"/>
              <a:gd name="connsiteX23" fmla="*/ 1187271 w 2305070"/>
              <a:gd name="connsiteY23" fmla="*/ 371505 h 3274483"/>
              <a:gd name="connsiteX24" fmla="*/ 1558747 w 2305070"/>
              <a:gd name="connsiteY24" fmla="*/ 500094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87323 w 2305070"/>
              <a:gd name="connsiteY28" fmla="*/ 557243 h 3274483"/>
              <a:gd name="connsiteX29" fmla="*/ 2030234 w 2305070"/>
              <a:gd name="connsiteY29" fmla="*/ 200055 h 3274483"/>
              <a:gd name="connsiteX30" fmla="*/ 2044522 w 2305070"/>
              <a:gd name="connsiteY30" fmla="*/ 42892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130122 w 2305070"/>
              <a:gd name="connsiteY22" fmla="*/ 657255 h 3274483"/>
              <a:gd name="connsiteX23" fmla="*/ 1187271 w 2305070"/>
              <a:gd name="connsiteY23" fmla="*/ 371505 h 3274483"/>
              <a:gd name="connsiteX24" fmla="*/ 1544459 w 2305070"/>
              <a:gd name="connsiteY24" fmla="*/ 585819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87323 w 2305070"/>
              <a:gd name="connsiteY28" fmla="*/ 557243 h 3274483"/>
              <a:gd name="connsiteX29" fmla="*/ 2030234 w 2305070"/>
              <a:gd name="connsiteY29" fmla="*/ 200055 h 3274483"/>
              <a:gd name="connsiteX30" fmla="*/ 2044522 w 2305070"/>
              <a:gd name="connsiteY30" fmla="*/ 42892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130122 w 2305070"/>
              <a:gd name="connsiteY22" fmla="*/ 657255 h 3274483"/>
              <a:gd name="connsiteX23" fmla="*/ 1187271 w 2305070"/>
              <a:gd name="connsiteY23" fmla="*/ 371505 h 3274483"/>
              <a:gd name="connsiteX24" fmla="*/ 1530172 w 2305070"/>
              <a:gd name="connsiteY24" fmla="*/ 457231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87323 w 2305070"/>
              <a:gd name="connsiteY28" fmla="*/ 557243 h 3274483"/>
              <a:gd name="connsiteX29" fmla="*/ 2030234 w 2305070"/>
              <a:gd name="connsiteY29" fmla="*/ 200055 h 3274483"/>
              <a:gd name="connsiteX30" fmla="*/ 2044522 w 2305070"/>
              <a:gd name="connsiteY30" fmla="*/ 42892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72959 w 2305070"/>
              <a:gd name="connsiteY20" fmla="*/ 1114455 h 3274483"/>
              <a:gd name="connsiteX21" fmla="*/ 1001534 w 2305070"/>
              <a:gd name="connsiteY21" fmla="*/ 842992 h 3274483"/>
              <a:gd name="connsiteX22" fmla="*/ 1130122 w 2305070"/>
              <a:gd name="connsiteY22" fmla="*/ 657255 h 3274483"/>
              <a:gd name="connsiteX23" fmla="*/ 1187271 w 2305070"/>
              <a:gd name="connsiteY23" fmla="*/ 371505 h 3274483"/>
              <a:gd name="connsiteX24" fmla="*/ 1530172 w 2305070"/>
              <a:gd name="connsiteY24" fmla="*/ 457231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87323 w 2305070"/>
              <a:gd name="connsiteY28" fmla="*/ 557243 h 3274483"/>
              <a:gd name="connsiteX29" fmla="*/ 2030234 w 2305070"/>
              <a:gd name="connsiteY29" fmla="*/ 200055 h 3274483"/>
              <a:gd name="connsiteX30" fmla="*/ 2044522 w 2305070"/>
              <a:gd name="connsiteY30" fmla="*/ 42892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305070"/>
              <a:gd name="connsiteY0" fmla="*/ 814417 h 3274483"/>
              <a:gd name="connsiteX1" fmla="*/ 1458734 w 2305070"/>
              <a:gd name="connsiteY1" fmla="*/ 1157317 h 3274483"/>
              <a:gd name="connsiteX2" fmla="*/ 987247 w 2305070"/>
              <a:gd name="connsiteY2" fmla="*/ 1585942 h 3274483"/>
              <a:gd name="connsiteX3" fmla="*/ 1530172 w 2305070"/>
              <a:gd name="connsiteY3" fmla="*/ 2171730 h 3274483"/>
              <a:gd name="connsiteX4" fmla="*/ 1158697 w 2305070"/>
              <a:gd name="connsiteY4" fmla="*/ 2814667 h 3274483"/>
              <a:gd name="connsiteX5" fmla="*/ 1287284 w 2305070"/>
              <a:gd name="connsiteY5" fmla="*/ 2828955 h 3274483"/>
              <a:gd name="connsiteX6" fmla="*/ 1415872 w 2305070"/>
              <a:gd name="connsiteY6" fmla="*/ 2900392 h 3274483"/>
              <a:gd name="connsiteX7" fmla="*/ 930097 w 2305070"/>
              <a:gd name="connsiteY7" fmla="*/ 2986117 h 3274483"/>
              <a:gd name="connsiteX8" fmla="*/ 1287284 w 2305070"/>
              <a:gd name="connsiteY8" fmla="*/ 2228880 h 3274483"/>
              <a:gd name="connsiteX9" fmla="*/ 844372 w 2305070"/>
              <a:gd name="connsiteY9" fmla="*/ 1914555 h 3274483"/>
              <a:gd name="connsiteX10" fmla="*/ 672922 w 2305070"/>
              <a:gd name="connsiteY10" fmla="*/ 2486055 h 3274483"/>
              <a:gd name="connsiteX11" fmla="*/ 215722 w 2305070"/>
              <a:gd name="connsiteY11" fmla="*/ 2971830 h 3274483"/>
              <a:gd name="connsiteX12" fmla="*/ 401459 w 2305070"/>
              <a:gd name="connsiteY12" fmla="*/ 3100417 h 3274483"/>
              <a:gd name="connsiteX13" fmla="*/ 230009 w 2305070"/>
              <a:gd name="connsiteY13" fmla="*/ 3271867 h 3274483"/>
              <a:gd name="connsiteX14" fmla="*/ 1409 w 2305070"/>
              <a:gd name="connsiteY14" fmla="*/ 2957542 h 3274483"/>
              <a:gd name="connsiteX15" fmla="*/ 144284 w 2305070"/>
              <a:gd name="connsiteY15" fmla="*/ 2886105 h 3274483"/>
              <a:gd name="connsiteX16" fmla="*/ 358597 w 2305070"/>
              <a:gd name="connsiteY16" fmla="*/ 2400330 h 3274483"/>
              <a:gd name="connsiteX17" fmla="*/ 515759 w 2305070"/>
              <a:gd name="connsiteY17" fmla="*/ 2271742 h 3274483"/>
              <a:gd name="connsiteX18" fmla="*/ 558622 w 2305070"/>
              <a:gd name="connsiteY18" fmla="*/ 1671667 h 3274483"/>
              <a:gd name="connsiteX19" fmla="*/ 501472 w 2305070"/>
              <a:gd name="connsiteY19" fmla="*/ 1500217 h 3274483"/>
              <a:gd name="connsiteX20" fmla="*/ 915809 w 2305070"/>
              <a:gd name="connsiteY20" fmla="*/ 1128743 h 3274483"/>
              <a:gd name="connsiteX21" fmla="*/ 1001534 w 2305070"/>
              <a:gd name="connsiteY21" fmla="*/ 842992 h 3274483"/>
              <a:gd name="connsiteX22" fmla="*/ 1130122 w 2305070"/>
              <a:gd name="connsiteY22" fmla="*/ 657255 h 3274483"/>
              <a:gd name="connsiteX23" fmla="*/ 1187271 w 2305070"/>
              <a:gd name="connsiteY23" fmla="*/ 371505 h 3274483"/>
              <a:gd name="connsiteX24" fmla="*/ 1530172 w 2305070"/>
              <a:gd name="connsiteY24" fmla="*/ 457231 h 3274483"/>
              <a:gd name="connsiteX25" fmla="*/ 1744484 w 2305070"/>
              <a:gd name="connsiteY25" fmla="*/ 242917 h 3274483"/>
              <a:gd name="connsiteX26" fmla="*/ 1787347 w 2305070"/>
              <a:gd name="connsiteY26" fmla="*/ 30 h 3274483"/>
              <a:gd name="connsiteX27" fmla="*/ 1887359 w 2305070"/>
              <a:gd name="connsiteY27" fmla="*/ 228630 h 3274483"/>
              <a:gd name="connsiteX28" fmla="*/ 1587323 w 2305070"/>
              <a:gd name="connsiteY28" fmla="*/ 557243 h 3274483"/>
              <a:gd name="connsiteX29" fmla="*/ 2030234 w 2305070"/>
              <a:gd name="connsiteY29" fmla="*/ 200055 h 3274483"/>
              <a:gd name="connsiteX30" fmla="*/ 2044522 w 2305070"/>
              <a:gd name="connsiteY30" fmla="*/ 42892 h 3274483"/>
              <a:gd name="connsiteX31" fmla="*/ 2187397 w 2305070"/>
              <a:gd name="connsiteY31" fmla="*/ 114330 h 3274483"/>
              <a:gd name="connsiteX32" fmla="*/ 2258834 w 2305070"/>
              <a:gd name="connsiteY32" fmla="*/ 214342 h 3274483"/>
              <a:gd name="connsiteX33" fmla="*/ 1430159 w 2305070"/>
              <a:gd name="connsiteY33" fmla="*/ 814417 h 3274483"/>
              <a:gd name="connsiteX0" fmla="*/ 1430159 w 2291665"/>
              <a:gd name="connsiteY0" fmla="*/ 814417 h 3274483"/>
              <a:gd name="connsiteX1" fmla="*/ 1458734 w 2291665"/>
              <a:gd name="connsiteY1" fmla="*/ 1157317 h 3274483"/>
              <a:gd name="connsiteX2" fmla="*/ 987247 w 2291665"/>
              <a:gd name="connsiteY2" fmla="*/ 1585942 h 3274483"/>
              <a:gd name="connsiteX3" fmla="*/ 1530172 w 2291665"/>
              <a:gd name="connsiteY3" fmla="*/ 2171730 h 3274483"/>
              <a:gd name="connsiteX4" fmla="*/ 1158697 w 2291665"/>
              <a:gd name="connsiteY4" fmla="*/ 2814667 h 3274483"/>
              <a:gd name="connsiteX5" fmla="*/ 1287284 w 2291665"/>
              <a:gd name="connsiteY5" fmla="*/ 2828955 h 3274483"/>
              <a:gd name="connsiteX6" fmla="*/ 1415872 w 2291665"/>
              <a:gd name="connsiteY6" fmla="*/ 2900392 h 3274483"/>
              <a:gd name="connsiteX7" fmla="*/ 930097 w 2291665"/>
              <a:gd name="connsiteY7" fmla="*/ 2986117 h 3274483"/>
              <a:gd name="connsiteX8" fmla="*/ 1287284 w 2291665"/>
              <a:gd name="connsiteY8" fmla="*/ 2228880 h 3274483"/>
              <a:gd name="connsiteX9" fmla="*/ 844372 w 2291665"/>
              <a:gd name="connsiteY9" fmla="*/ 1914555 h 3274483"/>
              <a:gd name="connsiteX10" fmla="*/ 672922 w 2291665"/>
              <a:gd name="connsiteY10" fmla="*/ 2486055 h 3274483"/>
              <a:gd name="connsiteX11" fmla="*/ 215722 w 2291665"/>
              <a:gd name="connsiteY11" fmla="*/ 2971830 h 3274483"/>
              <a:gd name="connsiteX12" fmla="*/ 401459 w 2291665"/>
              <a:gd name="connsiteY12" fmla="*/ 3100417 h 3274483"/>
              <a:gd name="connsiteX13" fmla="*/ 230009 w 2291665"/>
              <a:gd name="connsiteY13" fmla="*/ 3271867 h 3274483"/>
              <a:gd name="connsiteX14" fmla="*/ 1409 w 2291665"/>
              <a:gd name="connsiteY14" fmla="*/ 2957542 h 3274483"/>
              <a:gd name="connsiteX15" fmla="*/ 144284 w 2291665"/>
              <a:gd name="connsiteY15" fmla="*/ 2886105 h 3274483"/>
              <a:gd name="connsiteX16" fmla="*/ 358597 w 2291665"/>
              <a:gd name="connsiteY16" fmla="*/ 2400330 h 3274483"/>
              <a:gd name="connsiteX17" fmla="*/ 515759 w 2291665"/>
              <a:gd name="connsiteY17" fmla="*/ 2271742 h 3274483"/>
              <a:gd name="connsiteX18" fmla="*/ 558622 w 2291665"/>
              <a:gd name="connsiteY18" fmla="*/ 1671667 h 3274483"/>
              <a:gd name="connsiteX19" fmla="*/ 501472 w 2291665"/>
              <a:gd name="connsiteY19" fmla="*/ 1500217 h 3274483"/>
              <a:gd name="connsiteX20" fmla="*/ 915809 w 2291665"/>
              <a:gd name="connsiteY20" fmla="*/ 1128743 h 3274483"/>
              <a:gd name="connsiteX21" fmla="*/ 1001534 w 2291665"/>
              <a:gd name="connsiteY21" fmla="*/ 842992 h 3274483"/>
              <a:gd name="connsiteX22" fmla="*/ 1130122 w 2291665"/>
              <a:gd name="connsiteY22" fmla="*/ 657255 h 3274483"/>
              <a:gd name="connsiteX23" fmla="*/ 1187271 w 2291665"/>
              <a:gd name="connsiteY23" fmla="*/ 371505 h 3274483"/>
              <a:gd name="connsiteX24" fmla="*/ 1530172 w 2291665"/>
              <a:gd name="connsiteY24" fmla="*/ 457231 h 3274483"/>
              <a:gd name="connsiteX25" fmla="*/ 1744484 w 2291665"/>
              <a:gd name="connsiteY25" fmla="*/ 242917 h 3274483"/>
              <a:gd name="connsiteX26" fmla="*/ 1787347 w 2291665"/>
              <a:gd name="connsiteY26" fmla="*/ 30 h 3274483"/>
              <a:gd name="connsiteX27" fmla="*/ 1887359 w 2291665"/>
              <a:gd name="connsiteY27" fmla="*/ 228630 h 3274483"/>
              <a:gd name="connsiteX28" fmla="*/ 1587323 w 2291665"/>
              <a:gd name="connsiteY28" fmla="*/ 557243 h 3274483"/>
              <a:gd name="connsiteX29" fmla="*/ 2030234 w 2291665"/>
              <a:gd name="connsiteY29" fmla="*/ 200055 h 3274483"/>
              <a:gd name="connsiteX30" fmla="*/ 2044522 w 2291665"/>
              <a:gd name="connsiteY30" fmla="*/ 42892 h 3274483"/>
              <a:gd name="connsiteX31" fmla="*/ 2187397 w 2291665"/>
              <a:gd name="connsiteY31" fmla="*/ 114330 h 3274483"/>
              <a:gd name="connsiteX32" fmla="*/ 2258834 w 2291665"/>
              <a:gd name="connsiteY32" fmla="*/ 214342 h 3274483"/>
              <a:gd name="connsiteX33" fmla="*/ 1618855 w 2291665"/>
              <a:gd name="connsiteY33" fmla="*/ 671542 h 3274483"/>
              <a:gd name="connsiteX34" fmla="*/ 1430159 w 2291665"/>
              <a:gd name="connsiteY34" fmla="*/ 814417 h 3274483"/>
              <a:gd name="connsiteX0" fmla="*/ 1430159 w 2285490"/>
              <a:gd name="connsiteY0" fmla="*/ 814417 h 3274483"/>
              <a:gd name="connsiteX1" fmla="*/ 1458734 w 2285490"/>
              <a:gd name="connsiteY1" fmla="*/ 1157317 h 3274483"/>
              <a:gd name="connsiteX2" fmla="*/ 987247 w 2285490"/>
              <a:gd name="connsiteY2" fmla="*/ 1585942 h 3274483"/>
              <a:gd name="connsiteX3" fmla="*/ 1530172 w 2285490"/>
              <a:gd name="connsiteY3" fmla="*/ 2171730 h 3274483"/>
              <a:gd name="connsiteX4" fmla="*/ 1158697 w 2285490"/>
              <a:gd name="connsiteY4" fmla="*/ 2814667 h 3274483"/>
              <a:gd name="connsiteX5" fmla="*/ 1287284 w 2285490"/>
              <a:gd name="connsiteY5" fmla="*/ 2828955 h 3274483"/>
              <a:gd name="connsiteX6" fmla="*/ 1415872 w 2285490"/>
              <a:gd name="connsiteY6" fmla="*/ 2900392 h 3274483"/>
              <a:gd name="connsiteX7" fmla="*/ 930097 w 2285490"/>
              <a:gd name="connsiteY7" fmla="*/ 2986117 h 3274483"/>
              <a:gd name="connsiteX8" fmla="*/ 1287284 w 2285490"/>
              <a:gd name="connsiteY8" fmla="*/ 2228880 h 3274483"/>
              <a:gd name="connsiteX9" fmla="*/ 844372 w 2285490"/>
              <a:gd name="connsiteY9" fmla="*/ 1914555 h 3274483"/>
              <a:gd name="connsiteX10" fmla="*/ 672922 w 2285490"/>
              <a:gd name="connsiteY10" fmla="*/ 2486055 h 3274483"/>
              <a:gd name="connsiteX11" fmla="*/ 215722 w 2285490"/>
              <a:gd name="connsiteY11" fmla="*/ 2971830 h 3274483"/>
              <a:gd name="connsiteX12" fmla="*/ 401459 w 2285490"/>
              <a:gd name="connsiteY12" fmla="*/ 3100417 h 3274483"/>
              <a:gd name="connsiteX13" fmla="*/ 230009 w 2285490"/>
              <a:gd name="connsiteY13" fmla="*/ 3271867 h 3274483"/>
              <a:gd name="connsiteX14" fmla="*/ 1409 w 2285490"/>
              <a:gd name="connsiteY14" fmla="*/ 2957542 h 3274483"/>
              <a:gd name="connsiteX15" fmla="*/ 144284 w 2285490"/>
              <a:gd name="connsiteY15" fmla="*/ 2886105 h 3274483"/>
              <a:gd name="connsiteX16" fmla="*/ 358597 w 2285490"/>
              <a:gd name="connsiteY16" fmla="*/ 2400330 h 3274483"/>
              <a:gd name="connsiteX17" fmla="*/ 515759 w 2285490"/>
              <a:gd name="connsiteY17" fmla="*/ 2271742 h 3274483"/>
              <a:gd name="connsiteX18" fmla="*/ 558622 w 2285490"/>
              <a:gd name="connsiteY18" fmla="*/ 1671667 h 3274483"/>
              <a:gd name="connsiteX19" fmla="*/ 501472 w 2285490"/>
              <a:gd name="connsiteY19" fmla="*/ 1500217 h 3274483"/>
              <a:gd name="connsiteX20" fmla="*/ 915809 w 2285490"/>
              <a:gd name="connsiteY20" fmla="*/ 1128743 h 3274483"/>
              <a:gd name="connsiteX21" fmla="*/ 1001534 w 2285490"/>
              <a:gd name="connsiteY21" fmla="*/ 842992 h 3274483"/>
              <a:gd name="connsiteX22" fmla="*/ 1130122 w 2285490"/>
              <a:gd name="connsiteY22" fmla="*/ 657255 h 3274483"/>
              <a:gd name="connsiteX23" fmla="*/ 1187271 w 2285490"/>
              <a:gd name="connsiteY23" fmla="*/ 371505 h 3274483"/>
              <a:gd name="connsiteX24" fmla="*/ 1530172 w 2285490"/>
              <a:gd name="connsiteY24" fmla="*/ 457231 h 3274483"/>
              <a:gd name="connsiteX25" fmla="*/ 1744484 w 2285490"/>
              <a:gd name="connsiteY25" fmla="*/ 242917 h 3274483"/>
              <a:gd name="connsiteX26" fmla="*/ 1787347 w 2285490"/>
              <a:gd name="connsiteY26" fmla="*/ 30 h 3274483"/>
              <a:gd name="connsiteX27" fmla="*/ 1887359 w 2285490"/>
              <a:gd name="connsiteY27" fmla="*/ 228630 h 3274483"/>
              <a:gd name="connsiteX28" fmla="*/ 1587323 w 2285490"/>
              <a:gd name="connsiteY28" fmla="*/ 557243 h 3274483"/>
              <a:gd name="connsiteX29" fmla="*/ 2030234 w 2285490"/>
              <a:gd name="connsiteY29" fmla="*/ 200055 h 3274483"/>
              <a:gd name="connsiteX30" fmla="*/ 2044522 w 2285490"/>
              <a:gd name="connsiteY30" fmla="*/ 42892 h 3274483"/>
              <a:gd name="connsiteX31" fmla="*/ 2187397 w 2285490"/>
              <a:gd name="connsiteY31" fmla="*/ 114330 h 3274483"/>
              <a:gd name="connsiteX32" fmla="*/ 2258834 w 2285490"/>
              <a:gd name="connsiteY32" fmla="*/ 214342 h 3274483"/>
              <a:gd name="connsiteX33" fmla="*/ 1707346 w 2285490"/>
              <a:gd name="connsiteY33" fmla="*/ 701039 h 3274483"/>
              <a:gd name="connsiteX34" fmla="*/ 1618855 w 2285490"/>
              <a:gd name="connsiteY34" fmla="*/ 671542 h 3274483"/>
              <a:gd name="connsiteX35" fmla="*/ 1430159 w 2285490"/>
              <a:gd name="connsiteY35" fmla="*/ 814417 h 3274483"/>
              <a:gd name="connsiteX0" fmla="*/ 1430159 w 2269797"/>
              <a:gd name="connsiteY0" fmla="*/ 814417 h 3274483"/>
              <a:gd name="connsiteX1" fmla="*/ 1458734 w 2269797"/>
              <a:gd name="connsiteY1" fmla="*/ 1157317 h 3274483"/>
              <a:gd name="connsiteX2" fmla="*/ 987247 w 2269797"/>
              <a:gd name="connsiteY2" fmla="*/ 1585942 h 3274483"/>
              <a:gd name="connsiteX3" fmla="*/ 1530172 w 2269797"/>
              <a:gd name="connsiteY3" fmla="*/ 2171730 h 3274483"/>
              <a:gd name="connsiteX4" fmla="*/ 1158697 w 2269797"/>
              <a:gd name="connsiteY4" fmla="*/ 2814667 h 3274483"/>
              <a:gd name="connsiteX5" fmla="*/ 1287284 w 2269797"/>
              <a:gd name="connsiteY5" fmla="*/ 2828955 h 3274483"/>
              <a:gd name="connsiteX6" fmla="*/ 1415872 w 2269797"/>
              <a:gd name="connsiteY6" fmla="*/ 2900392 h 3274483"/>
              <a:gd name="connsiteX7" fmla="*/ 930097 w 2269797"/>
              <a:gd name="connsiteY7" fmla="*/ 2986117 h 3274483"/>
              <a:gd name="connsiteX8" fmla="*/ 1287284 w 2269797"/>
              <a:gd name="connsiteY8" fmla="*/ 2228880 h 3274483"/>
              <a:gd name="connsiteX9" fmla="*/ 844372 w 2269797"/>
              <a:gd name="connsiteY9" fmla="*/ 1914555 h 3274483"/>
              <a:gd name="connsiteX10" fmla="*/ 672922 w 2269797"/>
              <a:gd name="connsiteY10" fmla="*/ 2486055 h 3274483"/>
              <a:gd name="connsiteX11" fmla="*/ 215722 w 2269797"/>
              <a:gd name="connsiteY11" fmla="*/ 2971830 h 3274483"/>
              <a:gd name="connsiteX12" fmla="*/ 401459 w 2269797"/>
              <a:gd name="connsiteY12" fmla="*/ 3100417 h 3274483"/>
              <a:gd name="connsiteX13" fmla="*/ 230009 w 2269797"/>
              <a:gd name="connsiteY13" fmla="*/ 3271867 h 3274483"/>
              <a:gd name="connsiteX14" fmla="*/ 1409 w 2269797"/>
              <a:gd name="connsiteY14" fmla="*/ 2957542 h 3274483"/>
              <a:gd name="connsiteX15" fmla="*/ 144284 w 2269797"/>
              <a:gd name="connsiteY15" fmla="*/ 2886105 h 3274483"/>
              <a:gd name="connsiteX16" fmla="*/ 358597 w 2269797"/>
              <a:gd name="connsiteY16" fmla="*/ 2400330 h 3274483"/>
              <a:gd name="connsiteX17" fmla="*/ 515759 w 2269797"/>
              <a:gd name="connsiteY17" fmla="*/ 2271742 h 3274483"/>
              <a:gd name="connsiteX18" fmla="*/ 558622 w 2269797"/>
              <a:gd name="connsiteY18" fmla="*/ 1671667 h 3274483"/>
              <a:gd name="connsiteX19" fmla="*/ 501472 w 2269797"/>
              <a:gd name="connsiteY19" fmla="*/ 1500217 h 3274483"/>
              <a:gd name="connsiteX20" fmla="*/ 915809 w 2269797"/>
              <a:gd name="connsiteY20" fmla="*/ 1128743 h 3274483"/>
              <a:gd name="connsiteX21" fmla="*/ 1001534 w 2269797"/>
              <a:gd name="connsiteY21" fmla="*/ 842992 h 3274483"/>
              <a:gd name="connsiteX22" fmla="*/ 1130122 w 2269797"/>
              <a:gd name="connsiteY22" fmla="*/ 657255 h 3274483"/>
              <a:gd name="connsiteX23" fmla="*/ 1187271 w 2269797"/>
              <a:gd name="connsiteY23" fmla="*/ 371505 h 3274483"/>
              <a:gd name="connsiteX24" fmla="*/ 1530172 w 2269797"/>
              <a:gd name="connsiteY24" fmla="*/ 457231 h 3274483"/>
              <a:gd name="connsiteX25" fmla="*/ 1744484 w 2269797"/>
              <a:gd name="connsiteY25" fmla="*/ 242917 h 3274483"/>
              <a:gd name="connsiteX26" fmla="*/ 1787347 w 2269797"/>
              <a:gd name="connsiteY26" fmla="*/ 30 h 3274483"/>
              <a:gd name="connsiteX27" fmla="*/ 1887359 w 2269797"/>
              <a:gd name="connsiteY27" fmla="*/ 228630 h 3274483"/>
              <a:gd name="connsiteX28" fmla="*/ 1587323 w 2269797"/>
              <a:gd name="connsiteY28" fmla="*/ 557243 h 3274483"/>
              <a:gd name="connsiteX29" fmla="*/ 2030234 w 2269797"/>
              <a:gd name="connsiteY29" fmla="*/ 200055 h 3274483"/>
              <a:gd name="connsiteX30" fmla="*/ 2044522 w 2269797"/>
              <a:gd name="connsiteY30" fmla="*/ 42892 h 3274483"/>
              <a:gd name="connsiteX31" fmla="*/ 2187397 w 2269797"/>
              <a:gd name="connsiteY31" fmla="*/ 114330 h 3274483"/>
              <a:gd name="connsiteX32" fmla="*/ 2258834 w 2269797"/>
              <a:gd name="connsiteY32" fmla="*/ 214342 h 3274483"/>
              <a:gd name="connsiteX33" fmla="*/ 1943320 w 2269797"/>
              <a:gd name="connsiteY33" fmla="*/ 479813 h 3274483"/>
              <a:gd name="connsiteX34" fmla="*/ 1707346 w 2269797"/>
              <a:gd name="connsiteY34" fmla="*/ 701039 h 3274483"/>
              <a:gd name="connsiteX35" fmla="*/ 1618855 w 2269797"/>
              <a:gd name="connsiteY35" fmla="*/ 671542 h 3274483"/>
              <a:gd name="connsiteX36" fmla="*/ 1430159 w 2269797"/>
              <a:gd name="connsiteY36" fmla="*/ 814417 h 3274483"/>
              <a:gd name="connsiteX0" fmla="*/ 1430159 w 2271657"/>
              <a:gd name="connsiteY0" fmla="*/ 814417 h 3274483"/>
              <a:gd name="connsiteX1" fmla="*/ 1458734 w 2271657"/>
              <a:gd name="connsiteY1" fmla="*/ 1157317 h 3274483"/>
              <a:gd name="connsiteX2" fmla="*/ 987247 w 2271657"/>
              <a:gd name="connsiteY2" fmla="*/ 1585942 h 3274483"/>
              <a:gd name="connsiteX3" fmla="*/ 1530172 w 2271657"/>
              <a:gd name="connsiteY3" fmla="*/ 2171730 h 3274483"/>
              <a:gd name="connsiteX4" fmla="*/ 1158697 w 2271657"/>
              <a:gd name="connsiteY4" fmla="*/ 2814667 h 3274483"/>
              <a:gd name="connsiteX5" fmla="*/ 1287284 w 2271657"/>
              <a:gd name="connsiteY5" fmla="*/ 2828955 h 3274483"/>
              <a:gd name="connsiteX6" fmla="*/ 1415872 w 2271657"/>
              <a:gd name="connsiteY6" fmla="*/ 2900392 h 3274483"/>
              <a:gd name="connsiteX7" fmla="*/ 930097 w 2271657"/>
              <a:gd name="connsiteY7" fmla="*/ 2986117 h 3274483"/>
              <a:gd name="connsiteX8" fmla="*/ 1287284 w 2271657"/>
              <a:gd name="connsiteY8" fmla="*/ 2228880 h 3274483"/>
              <a:gd name="connsiteX9" fmla="*/ 844372 w 2271657"/>
              <a:gd name="connsiteY9" fmla="*/ 1914555 h 3274483"/>
              <a:gd name="connsiteX10" fmla="*/ 672922 w 2271657"/>
              <a:gd name="connsiteY10" fmla="*/ 2486055 h 3274483"/>
              <a:gd name="connsiteX11" fmla="*/ 215722 w 2271657"/>
              <a:gd name="connsiteY11" fmla="*/ 2971830 h 3274483"/>
              <a:gd name="connsiteX12" fmla="*/ 401459 w 2271657"/>
              <a:gd name="connsiteY12" fmla="*/ 3100417 h 3274483"/>
              <a:gd name="connsiteX13" fmla="*/ 230009 w 2271657"/>
              <a:gd name="connsiteY13" fmla="*/ 3271867 h 3274483"/>
              <a:gd name="connsiteX14" fmla="*/ 1409 w 2271657"/>
              <a:gd name="connsiteY14" fmla="*/ 2957542 h 3274483"/>
              <a:gd name="connsiteX15" fmla="*/ 144284 w 2271657"/>
              <a:gd name="connsiteY15" fmla="*/ 2886105 h 3274483"/>
              <a:gd name="connsiteX16" fmla="*/ 358597 w 2271657"/>
              <a:gd name="connsiteY16" fmla="*/ 2400330 h 3274483"/>
              <a:gd name="connsiteX17" fmla="*/ 515759 w 2271657"/>
              <a:gd name="connsiteY17" fmla="*/ 2271742 h 3274483"/>
              <a:gd name="connsiteX18" fmla="*/ 558622 w 2271657"/>
              <a:gd name="connsiteY18" fmla="*/ 1671667 h 3274483"/>
              <a:gd name="connsiteX19" fmla="*/ 501472 w 2271657"/>
              <a:gd name="connsiteY19" fmla="*/ 1500217 h 3274483"/>
              <a:gd name="connsiteX20" fmla="*/ 915809 w 2271657"/>
              <a:gd name="connsiteY20" fmla="*/ 1128743 h 3274483"/>
              <a:gd name="connsiteX21" fmla="*/ 1001534 w 2271657"/>
              <a:gd name="connsiteY21" fmla="*/ 842992 h 3274483"/>
              <a:gd name="connsiteX22" fmla="*/ 1130122 w 2271657"/>
              <a:gd name="connsiteY22" fmla="*/ 657255 h 3274483"/>
              <a:gd name="connsiteX23" fmla="*/ 1187271 w 2271657"/>
              <a:gd name="connsiteY23" fmla="*/ 371505 h 3274483"/>
              <a:gd name="connsiteX24" fmla="*/ 1530172 w 2271657"/>
              <a:gd name="connsiteY24" fmla="*/ 457231 h 3274483"/>
              <a:gd name="connsiteX25" fmla="*/ 1744484 w 2271657"/>
              <a:gd name="connsiteY25" fmla="*/ 242917 h 3274483"/>
              <a:gd name="connsiteX26" fmla="*/ 1787347 w 2271657"/>
              <a:gd name="connsiteY26" fmla="*/ 30 h 3274483"/>
              <a:gd name="connsiteX27" fmla="*/ 1887359 w 2271657"/>
              <a:gd name="connsiteY27" fmla="*/ 228630 h 3274483"/>
              <a:gd name="connsiteX28" fmla="*/ 1587323 w 2271657"/>
              <a:gd name="connsiteY28" fmla="*/ 557243 h 3274483"/>
              <a:gd name="connsiteX29" fmla="*/ 2030234 w 2271657"/>
              <a:gd name="connsiteY29" fmla="*/ 200055 h 3274483"/>
              <a:gd name="connsiteX30" fmla="*/ 2044522 w 2271657"/>
              <a:gd name="connsiteY30" fmla="*/ 42892 h 3274483"/>
              <a:gd name="connsiteX31" fmla="*/ 2187397 w 2271657"/>
              <a:gd name="connsiteY31" fmla="*/ 114330 h 3274483"/>
              <a:gd name="connsiteX32" fmla="*/ 2258834 w 2271657"/>
              <a:gd name="connsiteY32" fmla="*/ 214342 h 3274483"/>
              <a:gd name="connsiteX33" fmla="*/ 1913823 w 2271657"/>
              <a:gd name="connsiteY33" fmla="*/ 406071 h 3274483"/>
              <a:gd name="connsiteX34" fmla="*/ 1707346 w 2271657"/>
              <a:gd name="connsiteY34" fmla="*/ 701039 h 3274483"/>
              <a:gd name="connsiteX35" fmla="*/ 1618855 w 2271657"/>
              <a:gd name="connsiteY35" fmla="*/ 671542 h 3274483"/>
              <a:gd name="connsiteX36" fmla="*/ 1430159 w 2271657"/>
              <a:gd name="connsiteY36" fmla="*/ 814417 h 3274483"/>
              <a:gd name="connsiteX0" fmla="*/ 1430159 w 2271657"/>
              <a:gd name="connsiteY0" fmla="*/ 814417 h 3274483"/>
              <a:gd name="connsiteX1" fmla="*/ 1458734 w 2271657"/>
              <a:gd name="connsiteY1" fmla="*/ 1157317 h 3274483"/>
              <a:gd name="connsiteX2" fmla="*/ 987247 w 2271657"/>
              <a:gd name="connsiteY2" fmla="*/ 1585942 h 3274483"/>
              <a:gd name="connsiteX3" fmla="*/ 1530172 w 2271657"/>
              <a:gd name="connsiteY3" fmla="*/ 2171730 h 3274483"/>
              <a:gd name="connsiteX4" fmla="*/ 1158697 w 2271657"/>
              <a:gd name="connsiteY4" fmla="*/ 2814667 h 3274483"/>
              <a:gd name="connsiteX5" fmla="*/ 1287284 w 2271657"/>
              <a:gd name="connsiteY5" fmla="*/ 2828955 h 3274483"/>
              <a:gd name="connsiteX6" fmla="*/ 1415872 w 2271657"/>
              <a:gd name="connsiteY6" fmla="*/ 2900392 h 3274483"/>
              <a:gd name="connsiteX7" fmla="*/ 930097 w 2271657"/>
              <a:gd name="connsiteY7" fmla="*/ 2986117 h 3274483"/>
              <a:gd name="connsiteX8" fmla="*/ 1287284 w 2271657"/>
              <a:gd name="connsiteY8" fmla="*/ 2228880 h 3274483"/>
              <a:gd name="connsiteX9" fmla="*/ 844372 w 2271657"/>
              <a:gd name="connsiteY9" fmla="*/ 1914555 h 3274483"/>
              <a:gd name="connsiteX10" fmla="*/ 672922 w 2271657"/>
              <a:gd name="connsiteY10" fmla="*/ 2486055 h 3274483"/>
              <a:gd name="connsiteX11" fmla="*/ 215722 w 2271657"/>
              <a:gd name="connsiteY11" fmla="*/ 2971830 h 3274483"/>
              <a:gd name="connsiteX12" fmla="*/ 401459 w 2271657"/>
              <a:gd name="connsiteY12" fmla="*/ 3100417 h 3274483"/>
              <a:gd name="connsiteX13" fmla="*/ 230009 w 2271657"/>
              <a:gd name="connsiteY13" fmla="*/ 3271867 h 3274483"/>
              <a:gd name="connsiteX14" fmla="*/ 1409 w 2271657"/>
              <a:gd name="connsiteY14" fmla="*/ 2957542 h 3274483"/>
              <a:gd name="connsiteX15" fmla="*/ 144284 w 2271657"/>
              <a:gd name="connsiteY15" fmla="*/ 2886105 h 3274483"/>
              <a:gd name="connsiteX16" fmla="*/ 358597 w 2271657"/>
              <a:gd name="connsiteY16" fmla="*/ 2400330 h 3274483"/>
              <a:gd name="connsiteX17" fmla="*/ 515759 w 2271657"/>
              <a:gd name="connsiteY17" fmla="*/ 2271742 h 3274483"/>
              <a:gd name="connsiteX18" fmla="*/ 558622 w 2271657"/>
              <a:gd name="connsiteY18" fmla="*/ 1671667 h 3274483"/>
              <a:gd name="connsiteX19" fmla="*/ 501472 w 2271657"/>
              <a:gd name="connsiteY19" fmla="*/ 1500217 h 3274483"/>
              <a:gd name="connsiteX20" fmla="*/ 915809 w 2271657"/>
              <a:gd name="connsiteY20" fmla="*/ 1128743 h 3274483"/>
              <a:gd name="connsiteX21" fmla="*/ 1001534 w 2271657"/>
              <a:gd name="connsiteY21" fmla="*/ 842992 h 3274483"/>
              <a:gd name="connsiteX22" fmla="*/ 1130122 w 2271657"/>
              <a:gd name="connsiteY22" fmla="*/ 657255 h 3274483"/>
              <a:gd name="connsiteX23" fmla="*/ 1187271 w 2271657"/>
              <a:gd name="connsiteY23" fmla="*/ 371505 h 3274483"/>
              <a:gd name="connsiteX24" fmla="*/ 1530172 w 2271657"/>
              <a:gd name="connsiteY24" fmla="*/ 457231 h 3274483"/>
              <a:gd name="connsiteX25" fmla="*/ 1744484 w 2271657"/>
              <a:gd name="connsiteY25" fmla="*/ 242917 h 3274483"/>
              <a:gd name="connsiteX26" fmla="*/ 1787347 w 2271657"/>
              <a:gd name="connsiteY26" fmla="*/ 30 h 3274483"/>
              <a:gd name="connsiteX27" fmla="*/ 1887359 w 2271657"/>
              <a:gd name="connsiteY27" fmla="*/ 228630 h 3274483"/>
              <a:gd name="connsiteX28" fmla="*/ 1587323 w 2271657"/>
              <a:gd name="connsiteY28" fmla="*/ 557243 h 3274483"/>
              <a:gd name="connsiteX29" fmla="*/ 2030234 w 2271657"/>
              <a:gd name="connsiteY29" fmla="*/ 200055 h 3274483"/>
              <a:gd name="connsiteX30" fmla="*/ 2044522 w 2271657"/>
              <a:gd name="connsiteY30" fmla="*/ 42892 h 3274483"/>
              <a:gd name="connsiteX31" fmla="*/ 2187397 w 2271657"/>
              <a:gd name="connsiteY31" fmla="*/ 114330 h 3274483"/>
              <a:gd name="connsiteX32" fmla="*/ 2258834 w 2271657"/>
              <a:gd name="connsiteY32" fmla="*/ 214342 h 3274483"/>
              <a:gd name="connsiteX33" fmla="*/ 1913823 w 2271657"/>
              <a:gd name="connsiteY33" fmla="*/ 406071 h 3274483"/>
              <a:gd name="connsiteX34" fmla="*/ 1707346 w 2271657"/>
              <a:gd name="connsiteY34" fmla="*/ 701039 h 3274483"/>
              <a:gd name="connsiteX35" fmla="*/ 1430159 w 2271657"/>
              <a:gd name="connsiteY35" fmla="*/ 814417 h 3274483"/>
              <a:gd name="connsiteX0" fmla="*/ 1430159 w 2271657"/>
              <a:gd name="connsiteY0" fmla="*/ 814417 h 3274483"/>
              <a:gd name="connsiteX1" fmla="*/ 1458734 w 2271657"/>
              <a:gd name="connsiteY1" fmla="*/ 1157317 h 3274483"/>
              <a:gd name="connsiteX2" fmla="*/ 987247 w 2271657"/>
              <a:gd name="connsiteY2" fmla="*/ 1585942 h 3274483"/>
              <a:gd name="connsiteX3" fmla="*/ 1530172 w 2271657"/>
              <a:gd name="connsiteY3" fmla="*/ 2171730 h 3274483"/>
              <a:gd name="connsiteX4" fmla="*/ 1158697 w 2271657"/>
              <a:gd name="connsiteY4" fmla="*/ 2814667 h 3274483"/>
              <a:gd name="connsiteX5" fmla="*/ 1287284 w 2271657"/>
              <a:gd name="connsiteY5" fmla="*/ 2828955 h 3274483"/>
              <a:gd name="connsiteX6" fmla="*/ 1415872 w 2271657"/>
              <a:gd name="connsiteY6" fmla="*/ 2900392 h 3274483"/>
              <a:gd name="connsiteX7" fmla="*/ 930097 w 2271657"/>
              <a:gd name="connsiteY7" fmla="*/ 2986117 h 3274483"/>
              <a:gd name="connsiteX8" fmla="*/ 1287284 w 2271657"/>
              <a:gd name="connsiteY8" fmla="*/ 2228880 h 3274483"/>
              <a:gd name="connsiteX9" fmla="*/ 844372 w 2271657"/>
              <a:gd name="connsiteY9" fmla="*/ 1914555 h 3274483"/>
              <a:gd name="connsiteX10" fmla="*/ 672922 w 2271657"/>
              <a:gd name="connsiteY10" fmla="*/ 2486055 h 3274483"/>
              <a:gd name="connsiteX11" fmla="*/ 215722 w 2271657"/>
              <a:gd name="connsiteY11" fmla="*/ 2971830 h 3274483"/>
              <a:gd name="connsiteX12" fmla="*/ 401459 w 2271657"/>
              <a:gd name="connsiteY12" fmla="*/ 3100417 h 3274483"/>
              <a:gd name="connsiteX13" fmla="*/ 230009 w 2271657"/>
              <a:gd name="connsiteY13" fmla="*/ 3271867 h 3274483"/>
              <a:gd name="connsiteX14" fmla="*/ 1409 w 2271657"/>
              <a:gd name="connsiteY14" fmla="*/ 2957542 h 3274483"/>
              <a:gd name="connsiteX15" fmla="*/ 144284 w 2271657"/>
              <a:gd name="connsiteY15" fmla="*/ 2886105 h 3274483"/>
              <a:gd name="connsiteX16" fmla="*/ 358597 w 2271657"/>
              <a:gd name="connsiteY16" fmla="*/ 2400330 h 3274483"/>
              <a:gd name="connsiteX17" fmla="*/ 515759 w 2271657"/>
              <a:gd name="connsiteY17" fmla="*/ 2271742 h 3274483"/>
              <a:gd name="connsiteX18" fmla="*/ 558622 w 2271657"/>
              <a:gd name="connsiteY18" fmla="*/ 1671667 h 3274483"/>
              <a:gd name="connsiteX19" fmla="*/ 501472 w 2271657"/>
              <a:gd name="connsiteY19" fmla="*/ 1500217 h 3274483"/>
              <a:gd name="connsiteX20" fmla="*/ 915809 w 2271657"/>
              <a:gd name="connsiteY20" fmla="*/ 1128743 h 3274483"/>
              <a:gd name="connsiteX21" fmla="*/ 1001534 w 2271657"/>
              <a:gd name="connsiteY21" fmla="*/ 842992 h 3274483"/>
              <a:gd name="connsiteX22" fmla="*/ 1130122 w 2271657"/>
              <a:gd name="connsiteY22" fmla="*/ 657255 h 3274483"/>
              <a:gd name="connsiteX23" fmla="*/ 1187271 w 2271657"/>
              <a:gd name="connsiteY23" fmla="*/ 371505 h 3274483"/>
              <a:gd name="connsiteX24" fmla="*/ 1530172 w 2271657"/>
              <a:gd name="connsiteY24" fmla="*/ 457231 h 3274483"/>
              <a:gd name="connsiteX25" fmla="*/ 1744484 w 2271657"/>
              <a:gd name="connsiteY25" fmla="*/ 242917 h 3274483"/>
              <a:gd name="connsiteX26" fmla="*/ 1787347 w 2271657"/>
              <a:gd name="connsiteY26" fmla="*/ 30 h 3274483"/>
              <a:gd name="connsiteX27" fmla="*/ 1887359 w 2271657"/>
              <a:gd name="connsiteY27" fmla="*/ 228630 h 3274483"/>
              <a:gd name="connsiteX28" fmla="*/ 1587323 w 2271657"/>
              <a:gd name="connsiteY28" fmla="*/ 557243 h 3274483"/>
              <a:gd name="connsiteX29" fmla="*/ 2030234 w 2271657"/>
              <a:gd name="connsiteY29" fmla="*/ 200055 h 3274483"/>
              <a:gd name="connsiteX30" fmla="*/ 2044522 w 2271657"/>
              <a:gd name="connsiteY30" fmla="*/ 42892 h 3274483"/>
              <a:gd name="connsiteX31" fmla="*/ 2187397 w 2271657"/>
              <a:gd name="connsiteY31" fmla="*/ 114330 h 3274483"/>
              <a:gd name="connsiteX32" fmla="*/ 2258834 w 2271657"/>
              <a:gd name="connsiteY32" fmla="*/ 214342 h 3274483"/>
              <a:gd name="connsiteX33" fmla="*/ 1913823 w 2271657"/>
              <a:gd name="connsiteY33" fmla="*/ 406071 h 3274483"/>
              <a:gd name="connsiteX34" fmla="*/ 1707346 w 2271657"/>
              <a:gd name="connsiteY34" fmla="*/ 656794 h 3274483"/>
              <a:gd name="connsiteX35" fmla="*/ 1430159 w 2271657"/>
              <a:gd name="connsiteY35" fmla="*/ 814417 h 3274483"/>
              <a:gd name="connsiteX0" fmla="*/ 1430159 w 2271657"/>
              <a:gd name="connsiteY0" fmla="*/ 814414 h 3274480"/>
              <a:gd name="connsiteX1" fmla="*/ 1458734 w 2271657"/>
              <a:gd name="connsiteY1" fmla="*/ 1157314 h 3274480"/>
              <a:gd name="connsiteX2" fmla="*/ 987247 w 2271657"/>
              <a:gd name="connsiteY2" fmla="*/ 1585939 h 3274480"/>
              <a:gd name="connsiteX3" fmla="*/ 1530172 w 2271657"/>
              <a:gd name="connsiteY3" fmla="*/ 2171727 h 3274480"/>
              <a:gd name="connsiteX4" fmla="*/ 1158697 w 2271657"/>
              <a:gd name="connsiteY4" fmla="*/ 2814664 h 3274480"/>
              <a:gd name="connsiteX5" fmla="*/ 1287284 w 2271657"/>
              <a:gd name="connsiteY5" fmla="*/ 2828952 h 3274480"/>
              <a:gd name="connsiteX6" fmla="*/ 1415872 w 2271657"/>
              <a:gd name="connsiteY6" fmla="*/ 2900389 h 3274480"/>
              <a:gd name="connsiteX7" fmla="*/ 930097 w 2271657"/>
              <a:gd name="connsiteY7" fmla="*/ 2986114 h 3274480"/>
              <a:gd name="connsiteX8" fmla="*/ 1287284 w 2271657"/>
              <a:gd name="connsiteY8" fmla="*/ 2228877 h 3274480"/>
              <a:gd name="connsiteX9" fmla="*/ 844372 w 2271657"/>
              <a:gd name="connsiteY9" fmla="*/ 1914552 h 3274480"/>
              <a:gd name="connsiteX10" fmla="*/ 672922 w 2271657"/>
              <a:gd name="connsiteY10" fmla="*/ 2486052 h 3274480"/>
              <a:gd name="connsiteX11" fmla="*/ 215722 w 2271657"/>
              <a:gd name="connsiteY11" fmla="*/ 2971827 h 3274480"/>
              <a:gd name="connsiteX12" fmla="*/ 401459 w 2271657"/>
              <a:gd name="connsiteY12" fmla="*/ 3100414 h 3274480"/>
              <a:gd name="connsiteX13" fmla="*/ 230009 w 2271657"/>
              <a:gd name="connsiteY13" fmla="*/ 3271864 h 3274480"/>
              <a:gd name="connsiteX14" fmla="*/ 1409 w 2271657"/>
              <a:gd name="connsiteY14" fmla="*/ 2957539 h 3274480"/>
              <a:gd name="connsiteX15" fmla="*/ 144284 w 2271657"/>
              <a:gd name="connsiteY15" fmla="*/ 2886102 h 3274480"/>
              <a:gd name="connsiteX16" fmla="*/ 358597 w 2271657"/>
              <a:gd name="connsiteY16" fmla="*/ 2400327 h 3274480"/>
              <a:gd name="connsiteX17" fmla="*/ 515759 w 2271657"/>
              <a:gd name="connsiteY17" fmla="*/ 2271739 h 3274480"/>
              <a:gd name="connsiteX18" fmla="*/ 558622 w 2271657"/>
              <a:gd name="connsiteY18" fmla="*/ 1671664 h 3274480"/>
              <a:gd name="connsiteX19" fmla="*/ 501472 w 2271657"/>
              <a:gd name="connsiteY19" fmla="*/ 1500214 h 3274480"/>
              <a:gd name="connsiteX20" fmla="*/ 915809 w 2271657"/>
              <a:gd name="connsiteY20" fmla="*/ 1128740 h 3274480"/>
              <a:gd name="connsiteX21" fmla="*/ 1001534 w 2271657"/>
              <a:gd name="connsiteY21" fmla="*/ 842989 h 3274480"/>
              <a:gd name="connsiteX22" fmla="*/ 1130122 w 2271657"/>
              <a:gd name="connsiteY22" fmla="*/ 657252 h 3274480"/>
              <a:gd name="connsiteX23" fmla="*/ 1187271 w 2271657"/>
              <a:gd name="connsiteY23" fmla="*/ 371502 h 3274480"/>
              <a:gd name="connsiteX24" fmla="*/ 1530172 w 2271657"/>
              <a:gd name="connsiteY24" fmla="*/ 457228 h 3274480"/>
              <a:gd name="connsiteX25" fmla="*/ 1744484 w 2271657"/>
              <a:gd name="connsiteY25" fmla="*/ 242914 h 3274480"/>
              <a:gd name="connsiteX26" fmla="*/ 1787347 w 2271657"/>
              <a:gd name="connsiteY26" fmla="*/ 27 h 3274480"/>
              <a:gd name="connsiteX27" fmla="*/ 1887359 w 2271657"/>
              <a:gd name="connsiteY27" fmla="*/ 228627 h 3274480"/>
              <a:gd name="connsiteX28" fmla="*/ 1690562 w 2271657"/>
              <a:gd name="connsiteY28" fmla="*/ 439253 h 3274480"/>
              <a:gd name="connsiteX29" fmla="*/ 2030234 w 2271657"/>
              <a:gd name="connsiteY29" fmla="*/ 200052 h 3274480"/>
              <a:gd name="connsiteX30" fmla="*/ 2044522 w 2271657"/>
              <a:gd name="connsiteY30" fmla="*/ 42889 h 3274480"/>
              <a:gd name="connsiteX31" fmla="*/ 2187397 w 2271657"/>
              <a:gd name="connsiteY31" fmla="*/ 114327 h 3274480"/>
              <a:gd name="connsiteX32" fmla="*/ 2258834 w 2271657"/>
              <a:gd name="connsiteY32" fmla="*/ 214339 h 3274480"/>
              <a:gd name="connsiteX33" fmla="*/ 1913823 w 2271657"/>
              <a:gd name="connsiteY33" fmla="*/ 406068 h 3274480"/>
              <a:gd name="connsiteX34" fmla="*/ 1707346 w 2271657"/>
              <a:gd name="connsiteY34" fmla="*/ 656791 h 3274480"/>
              <a:gd name="connsiteX35" fmla="*/ 1430159 w 2271657"/>
              <a:gd name="connsiteY35" fmla="*/ 814414 h 3274480"/>
              <a:gd name="connsiteX0" fmla="*/ 1430159 w 2271657"/>
              <a:gd name="connsiteY0" fmla="*/ 814414 h 3274480"/>
              <a:gd name="connsiteX1" fmla="*/ 1458734 w 2271657"/>
              <a:gd name="connsiteY1" fmla="*/ 1157314 h 3274480"/>
              <a:gd name="connsiteX2" fmla="*/ 987247 w 2271657"/>
              <a:gd name="connsiteY2" fmla="*/ 1585939 h 3274480"/>
              <a:gd name="connsiteX3" fmla="*/ 1530172 w 2271657"/>
              <a:gd name="connsiteY3" fmla="*/ 2171727 h 3274480"/>
              <a:gd name="connsiteX4" fmla="*/ 1158697 w 2271657"/>
              <a:gd name="connsiteY4" fmla="*/ 2814664 h 3274480"/>
              <a:gd name="connsiteX5" fmla="*/ 1287284 w 2271657"/>
              <a:gd name="connsiteY5" fmla="*/ 2828952 h 3274480"/>
              <a:gd name="connsiteX6" fmla="*/ 1415872 w 2271657"/>
              <a:gd name="connsiteY6" fmla="*/ 2900389 h 3274480"/>
              <a:gd name="connsiteX7" fmla="*/ 930097 w 2271657"/>
              <a:gd name="connsiteY7" fmla="*/ 2986114 h 3274480"/>
              <a:gd name="connsiteX8" fmla="*/ 1287284 w 2271657"/>
              <a:gd name="connsiteY8" fmla="*/ 2228877 h 3274480"/>
              <a:gd name="connsiteX9" fmla="*/ 844372 w 2271657"/>
              <a:gd name="connsiteY9" fmla="*/ 1914552 h 3274480"/>
              <a:gd name="connsiteX10" fmla="*/ 672922 w 2271657"/>
              <a:gd name="connsiteY10" fmla="*/ 2486052 h 3274480"/>
              <a:gd name="connsiteX11" fmla="*/ 215722 w 2271657"/>
              <a:gd name="connsiteY11" fmla="*/ 2971827 h 3274480"/>
              <a:gd name="connsiteX12" fmla="*/ 401459 w 2271657"/>
              <a:gd name="connsiteY12" fmla="*/ 3100414 h 3274480"/>
              <a:gd name="connsiteX13" fmla="*/ 230009 w 2271657"/>
              <a:gd name="connsiteY13" fmla="*/ 3271864 h 3274480"/>
              <a:gd name="connsiteX14" fmla="*/ 1409 w 2271657"/>
              <a:gd name="connsiteY14" fmla="*/ 2957539 h 3274480"/>
              <a:gd name="connsiteX15" fmla="*/ 144284 w 2271657"/>
              <a:gd name="connsiteY15" fmla="*/ 2886102 h 3274480"/>
              <a:gd name="connsiteX16" fmla="*/ 358597 w 2271657"/>
              <a:gd name="connsiteY16" fmla="*/ 2400327 h 3274480"/>
              <a:gd name="connsiteX17" fmla="*/ 515759 w 2271657"/>
              <a:gd name="connsiteY17" fmla="*/ 2271739 h 3274480"/>
              <a:gd name="connsiteX18" fmla="*/ 558622 w 2271657"/>
              <a:gd name="connsiteY18" fmla="*/ 1671664 h 3274480"/>
              <a:gd name="connsiteX19" fmla="*/ 501472 w 2271657"/>
              <a:gd name="connsiteY19" fmla="*/ 1500214 h 3274480"/>
              <a:gd name="connsiteX20" fmla="*/ 915809 w 2271657"/>
              <a:gd name="connsiteY20" fmla="*/ 1128740 h 3274480"/>
              <a:gd name="connsiteX21" fmla="*/ 1001534 w 2271657"/>
              <a:gd name="connsiteY21" fmla="*/ 842989 h 3274480"/>
              <a:gd name="connsiteX22" fmla="*/ 1130122 w 2271657"/>
              <a:gd name="connsiteY22" fmla="*/ 657252 h 3274480"/>
              <a:gd name="connsiteX23" fmla="*/ 1187271 w 2271657"/>
              <a:gd name="connsiteY23" fmla="*/ 371502 h 3274480"/>
              <a:gd name="connsiteX24" fmla="*/ 1530172 w 2271657"/>
              <a:gd name="connsiteY24" fmla="*/ 457228 h 3274480"/>
              <a:gd name="connsiteX25" fmla="*/ 1744484 w 2271657"/>
              <a:gd name="connsiteY25" fmla="*/ 242914 h 3274480"/>
              <a:gd name="connsiteX26" fmla="*/ 1787347 w 2271657"/>
              <a:gd name="connsiteY26" fmla="*/ 27 h 3274480"/>
              <a:gd name="connsiteX27" fmla="*/ 1887359 w 2271657"/>
              <a:gd name="connsiteY27" fmla="*/ 228627 h 3274480"/>
              <a:gd name="connsiteX28" fmla="*/ 1690562 w 2271657"/>
              <a:gd name="connsiteY28" fmla="*/ 439253 h 3274480"/>
              <a:gd name="connsiteX29" fmla="*/ 2030234 w 2271657"/>
              <a:gd name="connsiteY29" fmla="*/ 200052 h 3274480"/>
              <a:gd name="connsiteX30" fmla="*/ 2044522 w 2271657"/>
              <a:gd name="connsiteY30" fmla="*/ 42889 h 3274480"/>
              <a:gd name="connsiteX31" fmla="*/ 2187397 w 2271657"/>
              <a:gd name="connsiteY31" fmla="*/ 114327 h 3274480"/>
              <a:gd name="connsiteX32" fmla="*/ 2258834 w 2271657"/>
              <a:gd name="connsiteY32" fmla="*/ 214339 h 3274480"/>
              <a:gd name="connsiteX33" fmla="*/ 1913823 w 2271657"/>
              <a:gd name="connsiteY33" fmla="*/ 406068 h 3274480"/>
              <a:gd name="connsiteX34" fmla="*/ 1663101 w 2271657"/>
              <a:gd name="connsiteY34" fmla="*/ 612546 h 3274480"/>
              <a:gd name="connsiteX35" fmla="*/ 1430159 w 2271657"/>
              <a:gd name="connsiteY35" fmla="*/ 814414 h 3274480"/>
              <a:gd name="connsiteX0" fmla="*/ 1430159 w 2271657"/>
              <a:gd name="connsiteY0" fmla="*/ 814414 h 3274480"/>
              <a:gd name="connsiteX1" fmla="*/ 1458734 w 2271657"/>
              <a:gd name="connsiteY1" fmla="*/ 1157314 h 3274480"/>
              <a:gd name="connsiteX2" fmla="*/ 987247 w 2271657"/>
              <a:gd name="connsiteY2" fmla="*/ 1585939 h 3274480"/>
              <a:gd name="connsiteX3" fmla="*/ 1530172 w 2271657"/>
              <a:gd name="connsiteY3" fmla="*/ 2171727 h 3274480"/>
              <a:gd name="connsiteX4" fmla="*/ 1158697 w 2271657"/>
              <a:gd name="connsiteY4" fmla="*/ 2814664 h 3274480"/>
              <a:gd name="connsiteX5" fmla="*/ 1287284 w 2271657"/>
              <a:gd name="connsiteY5" fmla="*/ 2828952 h 3274480"/>
              <a:gd name="connsiteX6" fmla="*/ 1415872 w 2271657"/>
              <a:gd name="connsiteY6" fmla="*/ 2900389 h 3274480"/>
              <a:gd name="connsiteX7" fmla="*/ 930097 w 2271657"/>
              <a:gd name="connsiteY7" fmla="*/ 2986114 h 3274480"/>
              <a:gd name="connsiteX8" fmla="*/ 1287284 w 2271657"/>
              <a:gd name="connsiteY8" fmla="*/ 2228877 h 3274480"/>
              <a:gd name="connsiteX9" fmla="*/ 844372 w 2271657"/>
              <a:gd name="connsiteY9" fmla="*/ 1914552 h 3274480"/>
              <a:gd name="connsiteX10" fmla="*/ 672922 w 2271657"/>
              <a:gd name="connsiteY10" fmla="*/ 2486052 h 3274480"/>
              <a:gd name="connsiteX11" fmla="*/ 215722 w 2271657"/>
              <a:gd name="connsiteY11" fmla="*/ 2971827 h 3274480"/>
              <a:gd name="connsiteX12" fmla="*/ 401459 w 2271657"/>
              <a:gd name="connsiteY12" fmla="*/ 3100414 h 3274480"/>
              <a:gd name="connsiteX13" fmla="*/ 230009 w 2271657"/>
              <a:gd name="connsiteY13" fmla="*/ 3271864 h 3274480"/>
              <a:gd name="connsiteX14" fmla="*/ 1409 w 2271657"/>
              <a:gd name="connsiteY14" fmla="*/ 2957539 h 3274480"/>
              <a:gd name="connsiteX15" fmla="*/ 144284 w 2271657"/>
              <a:gd name="connsiteY15" fmla="*/ 2886102 h 3274480"/>
              <a:gd name="connsiteX16" fmla="*/ 358597 w 2271657"/>
              <a:gd name="connsiteY16" fmla="*/ 2400327 h 3274480"/>
              <a:gd name="connsiteX17" fmla="*/ 515759 w 2271657"/>
              <a:gd name="connsiteY17" fmla="*/ 2271739 h 3274480"/>
              <a:gd name="connsiteX18" fmla="*/ 558622 w 2271657"/>
              <a:gd name="connsiteY18" fmla="*/ 1671664 h 3274480"/>
              <a:gd name="connsiteX19" fmla="*/ 501472 w 2271657"/>
              <a:gd name="connsiteY19" fmla="*/ 1500214 h 3274480"/>
              <a:gd name="connsiteX20" fmla="*/ 915809 w 2271657"/>
              <a:gd name="connsiteY20" fmla="*/ 1128740 h 3274480"/>
              <a:gd name="connsiteX21" fmla="*/ 1001534 w 2271657"/>
              <a:gd name="connsiteY21" fmla="*/ 842989 h 3274480"/>
              <a:gd name="connsiteX22" fmla="*/ 1130122 w 2271657"/>
              <a:gd name="connsiteY22" fmla="*/ 657252 h 3274480"/>
              <a:gd name="connsiteX23" fmla="*/ 1187271 w 2271657"/>
              <a:gd name="connsiteY23" fmla="*/ 371502 h 3274480"/>
              <a:gd name="connsiteX24" fmla="*/ 1530172 w 2271657"/>
              <a:gd name="connsiteY24" fmla="*/ 457228 h 3274480"/>
              <a:gd name="connsiteX25" fmla="*/ 1744484 w 2271657"/>
              <a:gd name="connsiteY25" fmla="*/ 242914 h 3274480"/>
              <a:gd name="connsiteX26" fmla="*/ 1787347 w 2271657"/>
              <a:gd name="connsiteY26" fmla="*/ 27 h 3274480"/>
              <a:gd name="connsiteX27" fmla="*/ 1887359 w 2271657"/>
              <a:gd name="connsiteY27" fmla="*/ 228627 h 3274480"/>
              <a:gd name="connsiteX28" fmla="*/ 1690562 w 2271657"/>
              <a:gd name="connsiteY28" fmla="*/ 439253 h 3274480"/>
              <a:gd name="connsiteX29" fmla="*/ 2030234 w 2271657"/>
              <a:gd name="connsiteY29" fmla="*/ 200052 h 3274480"/>
              <a:gd name="connsiteX30" fmla="*/ 2044522 w 2271657"/>
              <a:gd name="connsiteY30" fmla="*/ 42889 h 3274480"/>
              <a:gd name="connsiteX31" fmla="*/ 2187397 w 2271657"/>
              <a:gd name="connsiteY31" fmla="*/ 114327 h 3274480"/>
              <a:gd name="connsiteX32" fmla="*/ 2258834 w 2271657"/>
              <a:gd name="connsiteY32" fmla="*/ 214339 h 3274480"/>
              <a:gd name="connsiteX33" fmla="*/ 1913823 w 2271657"/>
              <a:gd name="connsiteY33" fmla="*/ 406068 h 3274480"/>
              <a:gd name="connsiteX34" fmla="*/ 1663101 w 2271657"/>
              <a:gd name="connsiteY34" fmla="*/ 612546 h 3274480"/>
              <a:gd name="connsiteX35" fmla="*/ 1430159 w 2271657"/>
              <a:gd name="connsiteY35" fmla="*/ 814414 h 3274480"/>
              <a:gd name="connsiteX0" fmla="*/ 1430159 w 2262716"/>
              <a:gd name="connsiteY0" fmla="*/ 814414 h 3274480"/>
              <a:gd name="connsiteX1" fmla="*/ 1458734 w 2262716"/>
              <a:gd name="connsiteY1" fmla="*/ 1157314 h 3274480"/>
              <a:gd name="connsiteX2" fmla="*/ 987247 w 2262716"/>
              <a:gd name="connsiteY2" fmla="*/ 1585939 h 3274480"/>
              <a:gd name="connsiteX3" fmla="*/ 1530172 w 2262716"/>
              <a:gd name="connsiteY3" fmla="*/ 2171727 h 3274480"/>
              <a:gd name="connsiteX4" fmla="*/ 1158697 w 2262716"/>
              <a:gd name="connsiteY4" fmla="*/ 2814664 h 3274480"/>
              <a:gd name="connsiteX5" fmla="*/ 1287284 w 2262716"/>
              <a:gd name="connsiteY5" fmla="*/ 2828952 h 3274480"/>
              <a:gd name="connsiteX6" fmla="*/ 1415872 w 2262716"/>
              <a:gd name="connsiteY6" fmla="*/ 2900389 h 3274480"/>
              <a:gd name="connsiteX7" fmla="*/ 930097 w 2262716"/>
              <a:gd name="connsiteY7" fmla="*/ 2986114 h 3274480"/>
              <a:gd name="connsiteX8" fmla="*/ 1287284 w 2262716"/>
              <a:gd name="connsiteY8" fmla="*/ 2228877 h 3274480"/>
              <a:gd name="connsiteX9" fmla="*/ 844372 w 2262716"/>
              <a:gd name="connsiteY9" fmla="*/ 1914552 h 3274480"/>
              <a:gd name="connsiteX10" fmla="*/ 672922 w 2262716"/>
              <a:gd name="connsiteY10" fmla="*/ 2486052 h 3274480"/>
              <a:gd name="connsiteX11" fmla="*/ 215722 w 2262716"/>
              <a:gd name="connsiteY11" fmla="*/ 2971827 h 3274480"/>
              <a:gd name="connsiteX12" fmla="*/ 401459 w 2262716"/>
              <a:gd name="connsiteY12" fmla="*/ 3100414 h 3274480"/>
              <a:gd name="connsiteX13" fmla="*/ 230009 w 2262716"/>
              <a:gd name="connsiteY13" fmla="*/ 3271864 h 3274480"/>
              <a:gd name="connsiteX14" fmla="*/ 1409 w 2262716"/>
              <a:gd name="connsiteY14" fmla="*/ 2957539 h 3274480"/>
              <a:gd name="connsiteX15" fmla="*/ 144284 w 2262716"/>
              <a:gd name="connsiteY15" fmla="*/ 2886102 h 3274480"/>
              <a:gd name="connsiteX16" fmla="*/ 358597 w 2262716"/>
              <a:gd name="connsiteY16" fmla="*/ 2400327 h 3274480"/>
              <a:gd name="connsiteX17" fmla="*/ 515759 w 2262716"/>
              <a:gd name="connsiteY17" fmla="*/ 2271739 h 3274480"/>
              <a:gd name="connsiteX18" fmla="*/ 558622 w 2262716"/>
              <a:gd name="connsiteY18" fmla="*/ 1671664 h 3274480"/>
              <a:gd name="connsiteX19" fmla="*/ 501472 w 2262716"/>
              <a:gd name="connsiteY19" fmla="*/ 1500214 h 3274480"/>
              <a:gd name="connsiteX20" fmla="*/ 915809 w 2262716"/>
              <a:gd name="connsiteY20" fmla="*/ 1128740 h 3274480"/>
              <a:gd name="connsiteX21" fmla="*/ 1001534 w 2262716"/>
              <a:gd name="connsiteY21" fmla="*/ 842989 h 3274480"/>
              <a:gd name="connsiteX22" fmla="*/ 1130122 w 2262716"/>
              <a:gd name="connsiteY22" fmla="*/ 657252 h 3274480"/>
              <a:gd name="connsiteX23" fmla="*/ 1187271 w 2262716"/>
              <a:gd name="connsiteY23" fmla="*/ 371502 h 3274480"/>
              <a:gd name="connsiteX24" fmla="*/ 1530172 w 2262716"/>
              <a:gd name="connsiteY24" fmla="*/ 457228 h 3274480"/>
              <a:gd name="connsiteX25" fmla="*/ 1744484 w 2262716"/>
              <a:gd name="connsiteY25" fmla="*/ 242914 h 3274480"/>
              <a:gd name="connsiteX26" fmla="*/ 1787347 w 2262716"/>
              <a:gd name="connsiteY26" fmla="*/ 27 h 3274480"/>
              <a:gd name="connsiteX27" fmla="*/ 1887359 w 2262716"/>
              <a:gd name="connsiteY27" fmla="*/ 228627 h 3274480"/>
              <a:gd name="connsiteX28" fmla="*/ 1690562 w 2262716"/>
              <a:gd name="connsiteY28" fmla="*/ 439253 h 3274480"/>
              <a:gd name="connsiteX29" fmla="*/ 2030234 w 2262716"/>
              <a:gd name="connsiteY29" fmla="*/ 200052 h 3274480"/>
              <a:gd name="connsiteX30" fmla="*/ 2044522 w 2262716"/>
              <a:gd name="connsiteY30" fmla="*/ 42889 h 3274480"/>
              <a:gd name="connsiteX31" fmla="*/ 2098906 w 2262716"/>
              <a:gd name="connsiteY31" fmla="*/ 158572 h 3274480"/>
              <a:gd name="connsiteX32" fmla="*/ 2258834 w 2262716"/>
              <a:gd name="connsiteY32" fmla="*/ 214339 h 3274480"/>
              <a:gd name="connsiteX33" fmla="*/ 1913823 w 2262716"/>
              <a:gd name="connsiteY33" fmla="*/ 406068 h 3274480"/>
              <a:gd name="connsiteX34" fmla="*/ 1663101 w 2262716"/>
              <a:gd name="connsiteY34" fmla="*/ 612546 h 3274480"/>
              <a:gd name="connsiteX35" fmla="*/ 1430159 w 2262716"/>
              <a:gd name="connsiteY35" fmla="*/ 814414 h 3274480"/>
              <a:gd name="connsiteX0" fmla="*/ 1430159 w 2260804"/>
              <a:gd name="connsiteY0" fmla="*/ 814414 h 3274480"/>
              <a:gd name="connsiteX1" fmla="*/ 1458734 w 2260804"/>
              <a:gd name="connsiteY1" fmla="*/ 1157314 h 3274480"/>
              <a:gd name="connsiteX2" fmla="*/ 987247 w 2260804"/>
              <a:gd name="connsiteY2" fmla="*/ 1585939 h 3274480"/>
              <a:gd name="connsiteX3" fmla="*/ 1530172 w 2260804"/>
              <a:gd name="connsiteY3" fmla="*/ 2171727 h 3274480"/>
              <a:gd name="connsiteX4" fmla="*/ 1158697 w 2260804"/>
              <a:gd name="connsiteY4" fmla="*/ 2814664 h 3274480"/>
              <a:gd name="connsiteX5" fmla="*/ 1287284 w 2260804"/>
              <a:gd name="connsiteY5" fmla="*/ 2828952 h 3274480"/>
              <a:gd name="connsiteX6" fmla="*/ 1415872 w 2260804"/>
              <a:gd name="connsiteY6" fmla="*/ 2900389 h 3274480"/>
              <a:gd name="connsiteX7" fmla="*/ 930097 w 2260804"/>
              <a:gd name="connsiteY7" fmla="*/ 2986114 h 3274480"/>
              <a:gd name="connsiteX8" fmla="*/ 1287284 w 2260804"/>
              <a:gd name="connsiteY8" fmla="*/ 2228877 h 3274480"/>
              <a:gd name="connsiteX9" fmla="*/ 844372 w 2260804"/>
              <a:gd name="connsiteY9" fmla="*/ 1914552 h 3274480"/>
              <a:gd name="connsiteX10" fmla="*/ 672922 w 2260804"/>
              <a:gd name="connsiteY10" fmla="*/ 2486052 h 3274480"/>
              <a:gd name="connsiteX11" fmla="*/ 215722 w 2260804"/>
              <a:gd name="connsiteY11" fmla="*/ 2971827 h 3274480"/>
              <a:gd name="connsiteX12" fmla="*/ 401459 w 2260804"/>
              <a:gd name="connsiteY12" fmla="*/ 3100414 h 3274480"/>
              <a:gd name="connsiteX13" fmla="*/ 230009 w 2260804"/>
              <a:gd name="connsiteY13" fmla="*/ 3271864 h 3274480"/>
              <a:gd name="connsiteX14" fmla="*/ 1409 w 2260804"/>
              <a:gd name="connsiteY14" fmla="*/ 2957539 h 3274480"/>
              <a:gd name="connsiteX15" fmla="*/ 144284 w 2260804"/>
              <a:gd name="connsiteY15" fmla="*/ 2886102 h 3274480"/>
              <a:gd name="connsiteX16" fmla="*/ 358597 w 2260804"/>
              <a:gd name="connsiteY16" fmla="*/ 2400327 h 3274480"/>
              <a:gd name="connsiteX17" fmla="*/ 515759 w 2260804"/>
              <a:gd name="connsiteY17" fmla="*/ 2271739 h 3274480"/>
              <a:gd name="connsiteX18" fmla="*/ 558622 w 2260804"/>
              <a:gd name="connsiteY18" fmla="*/ 1671664 h 3274480"/>
              <a:gd name="connsiteX19" fmla="*/ 501472 w 2260804"/>
              <a:gd name="connsiteY19" fmla="*/ 1500214 h 3274480"/>
              <a:gd name="connsiteX20" fmla="*/ 915809 w 2260804"/>
              <a:gd name="connsiteY20" fmla="*/ 1128740 h 3274480"/>
              <a:gd name="connsiteX21" fmla="*/ 1001534 w 2260804"/>
              <a:gd name="connsiteY21" fmla="*/ 842989 h 3274480"/>
              <a:gd name="connsiteX22" fmla="*/ 1130122 w 2260804"/>
              <a:gd name="connsiteY22" fmla="*/ 657252 h 3274480"/>
              <a:gd name="connsiteX23" fmla="*/ 1187271 w 2260804"/>
              <a:gd name="connsiteY23" fmla="*/ 371502 h 3274480"/>
              <a:gd name="connsiteX24" fmla="*/ 1530172 w 2260804"/>
              <a:gd name="connsiteY24" fmla="*/ 457228 h 3274480"/>
              <a:gd name="connsiteX25" fmla="*/ 1744484 w 2260804"/>
              <a:gd name="connsiteY25" fmla="*/ 242914 h 3274480"/>
              <a:gd name="connsiteX26" fmla="*/ 1787347 w 2260804"/>
              <a:gd name="connsiteY26" fmla="*/ 27 h 3274480"/>
              <a:gd name="connsiteX27" fmla="*/ 1887359 w 2260804"/>
              <a:gd name="connsiteY27" fmla="*/ 228627 h 3274480"/>
              <a:gd name="connsiteX28" fmla="*/ 1690562 w 2260804"/>
              <a:gd name="connsiteY28" fmla="*/ 439253 h 3274480"/>
              <a:gd name="connsiteX29" fmla="*/ 2030234 w 2260804"/>
              <a:gd name="connsiteY29" fmla="*/ 200052 h 3274480"/>
              <a:gd name="connsiteX30" fmla="*/ 2044522 w 2260804"/>
              <a:gd name="connsiteY30" fmla="*/ 42889 h 3274480"/>
              <a:gd name="connsiteX31" fmla="*/ 2098906 w 2260804"/>
              <a:gd name="connsiteY31" fmla="*/ 158572 h 3274480"/>
              <a:gd name="connsiteX32" fmla="*/ 2258834 w 2260804"/>
              <a:gd name="connsiteY32" fmla="*/ 214339 h 3274480"/>
              <a:gd name="connsiteX33" fmla="*/ 1913823 w 2260804"/>
              <a:gd name="connsiteY33" fmla="*/ 406068 h 3274480"/>
              <a:gd name="connsiteX34" fmla="*/ 1663101 w 2260804"/>
              <a:gd name="connsiteY34" fmla="*/ 612546 h 3274480"/>
              <a:gd name="connsiteX35" fmla="*/ 1430159 w 2260804"/>
              <a:gd name="connsiteY35" fmla="*/ 814414 h 3274480"/>
              <a:gd name="connsiteX0" fmla="*/ 1430159 w 2260058"/>
              <a:gd name="connsiteY0" fmla="*/ 814414 h 3274480"/>
              <a:gd name="connsiteX1" fmla="*/ 1458734 w 2260058"/>
              <a:gd name="connsiteY1" fmla="*/ 1157314 h 3274480"/>
              <a:gd name="connsiteX2" fmla="*/ 987247 w 2260058"/>
              <a:gd name="connsiteY2" fmla="*/ 1585939 h 3274480"/>
              <a:gd name="connsiteX3" fmla="*/ 1530172 w 2260058"/>
              <a:gd name="connsiteY3" fmla="*/ 2171727 h 3274480"/>
              <a:gd name="connsiteX4" fmla="*/ 1158697 w 2260058"/>
              <a:gd name="connsiteY4" fmla="*/ 2814664 h 3274480"/>
              <a:gd name="connsiteX5" fmla="*/ 1287284 w 2260058"/>
              <a:gd name="connsiteY5" fmla="*/ 2828952 h 3274480"/>
              <a:gd name="connsiteX6" fmla="*/ 1415872 w 2260058"/>
              <a:gd name="connsiteY6" fmla="*/ 2900389 h 3274480"/>
              <a:gd name="connsiteX7" fmla="*/ 930097 w 2260058"/>
              <a:gd name="connsiteY7" fmla="*/ 2986114 h 3274480"/>
              <a:gd name="connsiteX8" fmla="*/ 1287284 w 2260058"/>
              <a:gd name="connsiteY8" fmla="*/ 2228877 h 3274480"/>
              <a:gd name="connsiteX9" fmla="*/ 844372 w 2260058"/>
              <a:gd name="connsiteY9" fmla="*/ 1914552 h 3274480"/>
              <a:gd name="connsiteX10" fmla="*/ 672922 w 2260058"/>
              <a:gd name="connsiteY10" fmla="*/ 2486052 h 3274480"/>
              <a:gd name="connsiteX11" fmla="*/ 215722 w 2260058"/>
              <a:gd name="connsiteY11" fmla="*/ 2971827 h 3274480"/>
              <a:gd name="connsiteX12" fmla="*/ 401459 w 2260058"/>
              <a:gd name="connsiteY12" fmla="*/ 3100414 h 3274480"/>
              <a:gd name="connsiteX13" fmla="*/ 230009 w 2260058"/>
              <a:gd name="connsiteY13" fmla="*/ 3271864 h 3274480"/>
              <a:gd name="connsiteX14" fmla="*/ 1409 w 2260058"/>
              <a:gd name="connsiteY14" fmla="*/ 2957539 h 3274480"/>
              <a:gd name="connsiteX15" fmla="*/ 144284 w 2260058"/>
              <a:gd name="connsiteY15" fmla="*/ 2886102 h 3274480"/>
              <a:gd name="connsiteX16" fmla="*/ 358597 w 2260058"/>
              <a:gd name="connsiteY16" fmla="*/ 2400327 h 3274480"/>
              <a:gd name="connsiteX17" fmla="*/ 515759 w 2260058"/>
              <a:gd name="connsiteY17" fmla="*/ 2271739 h 3274480"/>
              <a:gd name="connsiteX18" fmla="*/ 558622 w 2260058"/>
              <a:gd name="connsiteY18" fmla="*/ 1671664 h 3274480"/>
              <a:gd name="connsiteX19" fmla="*/ 501472 w 2260058"/>
              <a:gd name="connsiteY19" fmla="*/ 1500214 h 3274480"/>
              <a:gd name="connsiteX20" fmla="*/ 915809 w 2260058"/>
              <a:gd name="connsiteY20" fmla="*/ 1128740 h 3274480"/>
              <a:gd name="connsiteX21" fmla="*/ 1001534 w 2260058"/>
              <a:gd name="connsiteY21" fmla="*/ 842989 h 3274480"/>
              <a:gd name="connsiteX22" fmla="*/ 1130122 w 2260058"/>
              <a:gd name="connsiteY22" fmla="*/ 657252 h 3274480"/>
              <a:gd name="connsiteX23" fmla="*/ 1187271 w 2260058"/>
              <a:gd name="connsiteY23" fmla="*/ 371502 h 3274480"/>
              <a:gd name="connsiteX24" fmla="*/ 1530172 w 2260058"/>
              <a:gd name="connsiteY24" fmla="*/ 457228 h 3274480"/>
              <a:gd name="connsiteX25" fmla="*/ 1744484 w 2260058"/>
              <a:gd name="connsiteY25" fmla="*/ 242914 h 3274480"/>
              <a:gd name="connsiteX26" fmla="*/ 1787347 w 2260058"/>
              <a:gd name="connsiteY26" fmla="*/ 27 h 3274480"/>
              <a:gd name="connsiteX27" fmla="*/ 1887359 w 2260058"/>
              <a:gd name="connsiteY27" fmla="*/ 228627 h 3274480"/>
              <a:gd name="connsiteX28" fmla="*/ 1690562 w 2260058"/>
              <a:gd name="connsiteY28" fmla="*/ 439253 h 3274480"/>
              <a:gd name="connsiteX29" fmla="*/ 2030234 w 2260058"/>
              <a:gd name="connsiteY29" fmla="*/ 200052 h 3274480"/>
              <a:gd name="connsiteX30" fmla="*/ 2044522 w 2260058"/>
              <a:gd name="connsiteY30" fmla="*/ 42889 h 3274480"/>
              <a:gd name="connsiteX31" fmla="*/ 2098906 w 2260058"/>
              <a:gd name="connsiteY31" fmla="*/ 158572 h 3274480"/>
              <a:gd name="connsiteX32" fmla="*/ 2258834 w 2260058"/>
              <a:gd name="connsiteY32" fmla="*/ 214339 h 3274480"/>
              <a:gd name="connsiteX33" fmla="*/ 1913823 w 2260058"/>
              <a:gd name="connsiteY33" fmla="*/ 406068 h 3274480"/>
              <a:gd name="connsiteX34" fmla="*/ 1663101 w 2260058"/>
              <a:gd name="connsiteY34" fmla="*/ 612546 h 3274480"/>
              <a:gd name="connsiteX35" fmla="*/ 1430159 w 2260058"/>
              <a:gd name="connsiteY35" fmla="*/ 814414 h 3274480"/>
              <a:gd name="connsiteX0" fmla="*/ 1430159 w 2260058"/>
              <a:gd name="connsiteY0" fmla="*/ 814414 h 3274480"/>
              <a:gd name="connsiteX1" fmla="*/ 1458734 w 2260058"/>
              <a:gd name="connsiteY1" fmla="*/ 1157314 h 3274480"/>
              <a:gd name="connsiteX2" fmla="*/ 987247 w 2260058"/>
              <a:gd name="connsiteY2" fmla="*/ 1585939 h 3274480"/>
              <a:gd name="connsiteX3" fmla="*/ 1530172 w 2260058"/>
              <a:gd name="connsiteY3" fmla="*/ 2171727 h 3274480"/>
              <a:gd name="connsiteX4" fmla="*/ 1158697 w 2260058"/>
              <a:gd name="connsiteY4" fmla="*/ 2814664 h 3274480"/>
              <a:gd name="connsiteX5" fmla="*/ 1287284 w 2260058"/>
              <a:gd name="connsiteY5" fmla="*/ 2828952 h 3274480"/>
              <a:gd name="connsiteX6" fmla="*/ 1415872 w 2260058"/>
              <a:gd name="connsiteY6" fmla="*/ 2900389 h 3274480"/>
              <a:gd name="connsiteX7" fmla="*/ 930097 w 2260058"/>
              <a:gd name="connsiteY7" fmla="*/ 2986114 h 3274480"/>
              <a:gd name="connsiteX8" fmla="*/ 1287284 w 2260058"/>
              <a:gd name="connsiteY8" fmla="*/ 2228877 h 3274480"/>
              <a:gd name="connsiteX9" fmla="*/ 844372 w 2260058"/>
              <a:gd name="connsiteY9" fmla="*/ 1914552 h 3274480"/>
              <a:gd name="connsiteX10" fmla="*/ 672922 w 2260058"/>
              <a:gd name="connsiteY10" fmla="*/ 2486052 h 3274480"/>
              <a:gd name="connsiteX11" fmla="*/ 215722 w 2260058"/>
              <a:gd name="connsiteY11" fmla="*/ 2971827 h 3274480"/>
              <a:gd name="connsiteX12" fmla="*/ 401459 w 2260058"/>
              <a:gd name="connsiteY12" fmla="*/ 3100414 h 3274480"/>
              <a:gd name="connsiteX13" fmla="*/ 230009 w 2260058"/>
              <a:gd name="connsiteY13" fmla="*/ 3271864 h 3274480"/>
              <a:gd name="connsiteX14" fmla="*/ 1409 w 2260058"/>
              <a:gd name="connsiteY14" fmla="*/ 2957539 h 3274480"/>
              <a:gd name="connsiteX15" fmla="*/ 144284 w 2260058"/>
              <a:gd name="connsiteY15" fmla="*/ 2886102 h 3274480"/>
              <a:gd name="connsiteX16" fmla="*/ 358597 w 2260058"/>
              <a:gd name="connsiteY16" fmla="*/ 2400327 h 3274480"/>
              <a:gd name="connsiteX17" fmla="*/ 515759 w 2260058"/>
              <a:gd name="connsiteY17" fmla="*/ 2271739 h 3274480"/>
              <a:gd name="connsiteX18" fmla="*/ 558622 w 2260058"/>
              <a:gd name="connsiteY18" fmla="*/ 1671664 h 3274480"/>
              <a:gd name="connsiteX19" fmla="*/ 501472 w 2260058"/>
              <a:gd name="connsiteY19" fmla="*/ 1500214 h 3274480"/>
              <a:gd name="connsiteX20" fmla="*/ 915809 w 2260058"/>
              <a:gd name="connsiteY20" fmla="*/ 1128740 h 3274480"/>
              <a:gd name="connsiteX21" fmla="*/ 1001534 w 2260058"/>
              <a:gd name="connsiteY21" fmla="*/ 842989 h 3274480"/>
              <a:gd name="connsiteX22" fmla="*/ 1130122 w 2260058"/>
              <a:gd name="connsiteY22" fmla="*/ 657252 h 3274480"/>
              <a:gd name="connsiteX23" fmla="*/ 1187271 w 2260058"/>
              <a:gd name="connsiteY23" fmla="*/ 371502 h 3274480"/>
              <a:gd name="connsiteX24" fmla="*/ 1530172 w 2260058"/>
              <a:gd name="connsiteY24" fmla="*/ 457228 h 3274480"/>
              <a:gd name="connsiteX25" fmla="*/ 1744484 w 2260058"/>
              <a:gd name="connsiteY25" fmla="*/ 242914 h 3274480"/>
              <a:gd name="connsiteX26" fmla="*/ 1787347 w 2260058"/>
              <a:gd name="connsiteY26" fmla="*/ 27 h 3274480"/>
              <a:gd name="connsiteX27" fmla="*/ 1887359 w 2260058"/>
              <a:gd name="connsiteY27" fmla="*/ 228627 h 3274480"/>
              <a:gd name="connsiteX28" fmla="*/ 1690562 w 2260058"/>
              <a:gd name="connsiteY28" fmla="*/ 439253 h 3274480"/>
              <a:gd name="connsiteX29" fmla="*/ 2030234 w 2260058"/>
              <a:gd name="connsiteY29" fmla="*/ 200052 h 3274480"/>
              <a:gd name="connsiteX30" fmla="*/ 2044522 w 2260058"/>
              <a:gd name="connsiteY30" fmla="*/ 42889 h 3274480"/>
              <a:gd name="connsiteX31" fmla="*/ 2098906 w 2260058"/>
              <a:gd name="connsiteY31" fmla="*/ 158572 h 3274480"/>
              <a:gd name="connsiteX32" fmla="*/ 2258834 w 2260058"/>
              <a:gd name="connsiteY32" fmla="*/ 214339 h 3274480"/>
              <a:gd name="connsiteX33" fmla="*/ 1913823 w 2260058"/>
              <a:gd name="connsiteY33" fmla="*/ 406068 h 3274480"/>
              <a:gd name="connsiteX34" fmla="*/ 1663101 w 2260058"/>
              <a:gd name="connsiteY34" fmla="*/ 612546 h 3274480"/>
              <a:gd name="connsiteX35" fmla="*/ 1430159 w 2260058"/>
              <a:gd name="connsiteY35" fmla="*/ 814414 h 3274480"/>
              <a:gd name="connsiteX0" fmla="*/ 1430159 w 2260058"/>
              <a:gd name="connsiteY0" fmla="*/ 814414 h 3274480"/>
              <a:gd name="connsiteX1" fmla="*/ 1458734 w 2260058"/>
              <a:gd name="connsiteY1" fmla="*/ 1157314 h 3274480"/>
              <a:gd name="connsiteX2" fmla="*/ 987247 w 2260058"/>
              <a:gd name="connsiteY2" fmla="*/ 1585939 h 3274480"/>
              <a:gd name="connsiteX3" fmla="*/ 1530172 w 2260058"/>
              <a:gd name="connsiteY3" fmla="*/ 2171727 h 3274480"/>
              <a:gd name="connsiteX4" fmla="*/ 1158697 w 2260058"/>
              <a:gd name="connsiteY4" fmla="*/ 2814664 h 3274480"/>
              <a:gd name="connsiteX5" fmla="*/ 1287284 w 2260058"/>
              <a:gd name="connsiteY5" fmla="*/ 2828952 h 3274480"/>
              <a:gd name="connsiteX6" fmla="*/ 1415872 w 2260058"/>
              <a:gd name="connsiteY6" fmla="*/ 2900389 h 3274480"/>
              <a:gd name="connsiteX7" fmla="*/ 930097 w 2260058"/>
              <a:gd name="connsiteY7" fmla="*/ 2986114 h 3274480"/>
              <a:gd name="connsiteX8" fmla="*/ 1287284 w 2260058"/>
              <a:gd name="connsiteY8" fmla="*/ 2228877 h 3274480"/>
              <a:gd name="connsiteX9" fmla="*/ 844372 w 2260058"/>
              <a:gd name="connsiteY9" fmla="*/ 1914552 h 3274480"/>
              <a:gd name="connsiteX10" fmla="*/ 672922 w 2260058"/>
              <a:gd name="connsiteY10" fmla="*/ 2486052 h 3274480"/>
              <a:gd name="connsiteX11" fmla="*/ 215722 w 2260058"/>
              <a:gd name="connsiteY11" fmla="*/ 2971827 h 3274480"/>
              <a:gd name="connsiteX12" fmla="*/ 401459 w 2260058"/>
              <a:gd name="connsiteY12" fmla="*/ 3100414 h 3274480"/>
              <a:gd name="connsiteX13" fmla="*/ 230009 w 2260058"/>
              <a:gd name="connsiteY13" fmla="*/ 3271864 h 3274480"/>
              <a:gd name="connsiteX14" fmla="*/ 1409 w 2260058"/>
              <a:gd name="connsiteY14" fmla="*/ 2957539 h 3274480"/>
              <a:gd name="connsiteX15" fmla="*/ 144284 w 2260058"/>
              <a:gd name="connsiteY15" fmla="*/ 2886102 h 3274480"/>
              <a:gd name="connsiteX16" fmla="*/ 358597 w 2260058"/>
              <a:gd name="connsiteY16" fmla="*/ 2400327 h 3274480"/>
              <a:gd name="connsiteX17" fmla="*/ 515759 w 2260058"/>
              <a:gd name="connsiteY17" fmla="*/ 2271739 h 3274480"/>
              <a:gd name="connsiteX18" fmla="*/ 558622 w 2260058"/>
              <a:gd name="connsiteY18" fmla="*/ 1671664 h 3274480"/>
              <a:gd name="connsiteX19" fmla="*/ 501472 w 2260058"/>
              <a:gd name="connsiteY19" fmla="*/ 1500214 h 3274480"/>
              <a:gd name="connsiteX20" fmla="*/ 915809 w 2260058"/>
              <a:gd name="connsiteY20" fmla="*/ 1128740 h 3274480"/>
              <a:gd name="connsiteX21" fmla="*/ 1001534 w 2260058"/>
              <a:gd name="connsiteY21" fmla="*/ 842989 h 3274480"/>
              <a:gd name="connsiteX22" fmla="*/ 1130122 w 2260058"/>
              <a:gd name="connsiteY22" fmla="*/ 657252 h 3274480"/>
              <a:gd name="connsiteX23" fmla="*/ 1187271 w 2260058"/>
              <a:gd name="connsiteY23" fmla="*/ 371502 h 3274480"/>
              <a:gd name="connsiteX24" fmla="*/ 1530172 w 2260058"/>
              <a:gd name="connsiteY24" fmla="*/ 457228 h 3274480"/>
              <a:gd name="connsiteX25" fmla="*/ 1744484 w 2260058"/>
              <a:gd name="connsiteY25" fmla="*/ 242914 h 3274480"/>
              <a:gd name="connsiteX26" fmla="*/ 1787347 w 2260058"/>
              <a:gd name="connsiteY26" fmla="*/ 27 h 3274480"/>
              <a:gd name="connsiteX27" fmla="*/ 1887359 w 2260058"/>
              <a:gd name="connsiteY27" fmla="*/ 228627 h 3274480"/>
              <a:gd name="connsiteX28" fmla="*/ 1690562 w 2260058"/>
              <a:gd name="connsiteY28" fmla="*/ 439253 h 3274480"/>
              <a:gd name="connsiteX29" fmla="*/ 2030234 w 2260058"/>
              <a:gd name="connsiteY29" fmla="*/ 200052 h 3274480"/>
              <a:gd name="connsiteX30" fmla="*/ 2074018 w 2260058"/>
              <a:gd name="connsiteY30" fmla="*/ 87134 h 3274480"/>
              <a:gd name="connsiteX31" fmla="*/ 2098906 w 2260058"/>
              <a:gd name="connsiteY31" fmla="*/ 158572 h 3274480"/>
              <a:gd name="connsiteX32" fmla="*/ 2258834 w 2260058"/>
              <a:gd name="connsiteY32" fmla="*/ 214339 h 3274480"/>
              <a:gd name="connsiteX33" fmla="*/ 1913823 w 2260058"/>
              <a:gd name="connsiteY33" fmla="*/ 406068 h 3274480"/>
              <a:gd name="connsiteX34" fmla="*/ 1663101 w 2260058"/>
              <a:gd name="connsiteY34" fmla="*/ 612546 h 3274480"/>
              <a:gd name="connsiteX35" fmla="*/ 1430159 w 2260058"/>
              <a:gd name="connsiteY35" fmla="*/ 814414 h 3274480"/>
              <a:gd name="connsiteX0" fmla="*/ 1430159 w 2260058"/>
              <a:gd name="connsiteY0" fmla="*/ 814414 h 3274480"/>
              <a:gd name="connsiteX1" fmla="*/ 1458734 w 2260058"/>
              <a:gd name="connsiteY1" fmla="*/ 1157314 h 3274480"/>
              <a:gd name="connsiteX2" fmla="*/ 987247 w 2260058"/>
              <a:gd name="connsiteY2" fmla="*/ 1585939 h 3274480"/>
              <a:gd name="connsiteX3" fmla="*/ 1530172 w 2260058"/>
              <a:gd name="connsiteY3" fmla="*/ 2171727 h 3274480"/>
              <a:gd name="connsiteX4" fmla="*/ 1158697 w 2260058"/>
              <a:gd name="connsiteY4" fmla="*/ 2814664 h 3274480"/>
              <a:gd name="connsiteX5" fmla="*/ 1287284 w 2260058"/>
              <a:gd name="connsiteY5" fmla="*/ 2828952 h 3274480"/>
              <a:gd name="connsiteX6" fmla="*/ 1415872 w 2260058"/>
              <a:gd name="connsiteY6" fmla="*/ 2900389 h 3274480"/>
              <a:gd name="connsiteX7" fmla="*/ 930097 w 2260058"/>
              <a:gd name="connsiteY7" fmla="*/ 2986114 h 3274480"/>
              <a:gd name="connsiteX8" fmla="*/ 1287284 w 2260058"/>
              <a:gd name="connsiteY8" fmla="*/ 2228877 h 3274480"/>
              <a:gd name="connsiteX9" fmla="*/ 844372 w 2260058"/>
              <a:gd name="connsiteY9" fmla="*/ 1914552 h 3274480"/>
              <a:gd name="connsiteX10" fmla="*/ 672922 w 2260058"/>
              <a:gd name="connsiteY10" fmla="*/ 2486052 h 3274480"/>
              <a:gd name="connsiteX11" fmla="*/ 215722 w 2260058"/>
              <a:gd name="connsiteY11" fmla="*/ 2971827 h 3274480"/>
              <a:gd name="connsiteX12" fmla="*/ 401459 w 2260058"/>
              <a:gd name="connsiteY12" fmla="*/ 3100414 h 3274480"/>
              <a:gd name="connsiteX13" fmla="*/ 230009 w 2260058"/>
              <a:gd name="connsiteY13" fmla="*/ 3271864 h 3274480"/>
              <a:gd name="connsiteX14" fmla="*/ 1409 w 2260058"/>
              <a:gd name="connsiteY14" fmla="*/ 2957539 h 3274480"/>
              <a:gd name="connsiteX15" fmla="*/ 144284 w 2260058"/>
              <a:gd name="connsiteY15" fmla="*/ 2886102 h 3274480"/>
              <a:gd name="connsiteX16" fmla="*/ 358597 w 2260058"/>
              <a:gd name="connsiteY16" fmla="*/ 2400327 h 3274480"/>
              <a:gd name="connsiteX17" fmla="*/ 515759 w 2260058"/>
              <a:gd name="connsiteY17" fmla="*/ 2271739 h 3274480"/>
              <a:gd name="connsiteX18" fmla="*/ 558622 w 2260058"/>
              <a:gd name="connsiteY18" fmla="*/ 1671664 h 3274480"/>
              <a:gd name="connsiteX19" fmla="*/ 501472 w 2260058"/>
              <a:gd name="connsiteY19" fmla="*/ 1500214 h 3274480"/>
              <a:gd name="connsiteX20" fmla="*/ 915809 w 2260058"/>
              <a:gd name="connsiteY20" fmla="*/ 1128740 h 3274480"/>
              <a:gd name="connsiteX21" fmla="*/ 1001534 w 2260058"/>
              <a:gd name="connsiteY21" fmla="*/ 842989 h 3274480"/>
              <a:gd name="connsiteX22" fmla="*/ 1130122 w 2260058"/>
              <a:gd name="connsiteY22" fmla="*/ 657252 h 3274480"/>
              <a:gd name="connsiteX23" fmla="*/ 1187271 w 2260058"/>
              <a:gd name="connsiteY23" fmla="*/ 371502 h 3274480"/>
              <a:gd name="connsiteX24" fmla="*/ 1530172 w 2260058"/>
              <a:gd name="connsiteY24" fmla="*/ 457228 h 3274480"/>
              <a:gd name="connsiteX25" fmla="*/ 1744484 w 2260058"/>
              <a:gd name="connsiteY25" fmla="*/ 242914 h 3274480"/>
              <a:gd name="connsiteX26" fmla="*/ 1787347 w 2260058"/>
              <a:gd name="connsiteY26" fmla="*/ 27 h 3274480"/>
              <a:gd name="connsiteX27" fmla="*/ 1887359 w 2260058"/>
              <a:gd name="connsiteY27" fmla="*/ 228627 h 3274480"/>
              <a:gd name="connsiteX28" fmla="*/ 1690562 w 2260058"/>
              <a:gd name="connsiteY28" fmla="*/ 439253 h 3274480"/>
              <a:gd name="connsiteX29" fmla="*/ 2030234 w 2260058"/>
              <a:gd name="connsiteY29" fmla="*/ 200052 h 3274480"/>
              <a:gd name="connsiteX30" fmla="*/ 2074018 w 2260058"/>
              <a:gd name="connsiteY30" fmla="*/ 87134 h 3274480"/>
              <a:gd name="connsiteX31" fmla="*/ 2098906 w 2260058"/>
              <a:gd name="connsiteY31" fmla="*/ 158572 h 3274480"/>
              <a:gd name="connsiteX32" fmla="*/ 2258834 w 2260058"/>
              <a:gd name="connsiteY32" fmla="*/ 214339 h 3274480"/>
              <a:gd name="connsiteX33" fmla="*/ 1913823 w 2260058"/>
              <a:gd name="connsiteY33" fmla="*/ 406068 h 3274480"/>
              <a:gd name="connsiteX34" fmla="*/ 1663101 w 2260058"/>
              <a:gd name="connsiteY34" fmla="*/ 612546 h 3274480"/>
              <a:gd name="connsiteX35" fmla="*/ 1430159 w 2260058"/>
              <a:gd name="connsiteY35" fmla="*/ 814414 h 3274480"/>
              <a:gd name="connsiteX0" fmla="*/ 1430159 w 2260058"/>
              <a:gd name="connsiteY0" fmla="*/ 814414 h 3274480"/>
              <a:gd name="connsiteX1" fmla="*/ 1458734 w 2260058"/>
              <a:gd name="connsiteY1" fmla="*/ 1157314 h 3274480"/>
              <a:gd name="connsiteX2" fmla="*/ 987247 w 2260058"/>
              <a:gd name="connsiteY2" fmla="*/ 1585939 h 3274480"/>
              <a:gd name="connsiteX3" fmla="*/ 1530172 w 2260058"/>
              <a:gd name="connsiteY3" fmla="*/ 2171727 h 3274480"/>
              <a:gd name="connsiteX4" fmla="*/ 1158697 w 2260058"/>
              <a:gd name="connsiteY4" fmla="*/ 2814664 h 3274480"/>
              <a:gd name="connsiteX5" fmla="*/ 1287284 w 2260058"/>
              <a:gd name="connsiteY5" fmla="*/ 2828952 h 3274480"/>
              <a:gd name="connsiteX6" fmla="*/ 1415872 w 2260058"/>
              <a:gd name="connsiteY6" fmla="*/ 2900389 h 3274480"/>
              <a:gd name="connsiteX7" fmla="*/ 930097 w 2260058"/>
              <a:gd name="connsiteY7" fmla="*/ 2986114 h 3274480"/>
              <a:gd name="connsiteX8" fmla="*/ 1287284 w 2260058"/>
              <a:gd name="connsiteY8" fmla="*/ 2228877 h 3274480"/>
              <a:gd name="connsiteX9" fmla="*/ 844372 w 2260058"/>
              <a:gd name="connsiteY9" fmla="*/ 1914552 h 3274480"/>
              <a:gd name="connsiteX10" fmla="*/ 672922 w 2260058"/>
              <a:gd name="connsiteY10" fmla="*/ 2486052 h 3274480"/>
              <a:gd name="connsiteX11" fmla="*/ 215722 w 2260058"/>
              <a:gd name="connsiteY11" fmla="*/ 2971827 h 3274480"/>
              <a:gd name="connsiteX12" fmla="*/ 401459 w 2260058"/>
              <a:gd name="connsiteY12" fmla="*/ 3100414 h 3274480"/>
              <a:gd name="connsiteX13" fmla="*/ 230009 w 2260058"/>
              <a:gd name="connsiteY13" fmla="*/ 3271864 h 3274480"/>
              <a:gd name="connsiteX14" fmla="*/ 1409 w 2260058"/>
              <a:gd name="connsiteY14" fmla="*/ 2957539 h 3274480"/>
              <a:gd name="connsiteX15" fmla="*/ 144284 w 2260058"/>
              <a:gd name="connsiteY15" fmla="*/ 2886102 h 3274480"/>
              <a:gd name="connsiteX16" fmla="*/ 358597 w 2260058"/>
              <a:gd name="connsiteY16" fmla="*/ 2400327 h 3274480"/>
              <a:gd name="connsiteX17" fmla="*/ 515759 w 2260058"/>
              <a:gd name="connsiteY17" fmla="*/ 2271739 h 3274480"/>
              <a:gd name="connsiteX18" fmla="*/ 558622 w 2260058"/>
              <a:gd name="connsiteY18" fmla="*/ 1728814 h 3274480"/>
              <a:gd name="connsiteX19" fmla="*/ 501472 w 2260058"/>
              <a:gd name="connsiteY19" fmla="*/ 1500214 h 3274480"/>
              <a:gd name="connsiteX20" fmla="*/ 915809 w 2260058"/>
              <a:gd name="connsiteY20" fmla="*/ 1128740 h 3274480"/>
              <a:gd name="connsiteX21" fmla="*/ 1001534 w 2260058"/>
              <a:gd name="connsiteY21" fmla="*/ 842989 h 3274480"/>
              <a:gd name="connsiteX22" fmla="*/ 1130122 w 2260058"/>
              <a:gd name="connsiteY22" fmla="*/ 657252 h 3274480"/>
              <a:gd name="connsiteX23" fmla="*/ 1187271 w 2260058"/>
              <a:gd name="connsiteY23" fmla="*/ 371502 h 3274480"/>
              <a:gd name="connsiteX24" fmla="*/ 1530172 w 2260058"/>
              <a:gd name="connsiteY24" fmla="*/ 457228 h 3274480"/>
              <a:gd name="connsiteX25" fmla="*/ 1744484 w 2260058"/>
              <a:gd name="connsiteY25" fmla="*/ 242914 h 3274480"/>
              <a:gd name="connsiteX26" fmla="*/ 1787347 w 2260058"/>
              <a:gd name="connsiteY26" fmla="*/ 27 h 3274480"/>
              <a:gd name="connsiteX27" fmla="*/ 1887359 w 2260058"/>
              <a:gd name="connsiteY27" fmla="*/ 228627 h 3274480"/>
              <a:gd name="connsiteX28" fmla="*/ 1690562 w 2260058"/>
              <a:gd name="connsiteY28" fmla="*/ 439253 h 3274480"/>
              <a:gd name="connsiteX29" fmla="*/ 2030234 w 2260058"/>
              <a:gd name="connsiteY29" fmla="*/ 200052 h 3274480"/>
              <a:gd name="connsiteX30" fmla="*/ 2074018 w 2260058"/>
              <a:gd name="connsiteY30" fmla="*/ 87134 h 3274480"/>
              <a:gd name="connsiteX31" fmla="*/ 2098906 w 2260058"/>
              <a:gd name="connsiteY31" fmla="*/ 158572 h 3274480"/>
              <a:gd name="connsiteX32" fmla="*/ 2258834 w 2260058"/>
              <a:gd name="connsiteY32" fmla="*/ 214339 h 3274480"/>
              <a:gd name="connsiteX33" fmla="*/ 1913823 w 2260058"/>
              <a:gd name="connsiteY33" fmla="*/ 406068 h 3274480"/>
              <a:gd name="connsiteX34" fmla="*/ 1663101 w 2260058"/>
              <a:gd name="connsiteY34" fmla="*/ 612546 h 3274480"/>
              <a:gd name="connsiteX35" fmla="*/ 1430159 w 2260058"/>
              <a:gd name="connsiteY35" fmla="*/ 814414 h 3274480"/>
              <a:gd name="connsiteX0" fmla="*/ 1430159 w 2260058"/>
              <a:gd name="connsiteY0" fmla="*/ 814414 h 3274480"/>
              <a:gd name="connsiteX1" fmla="*/ 1458734 w 2260058"/>
              <a:gd name="connsiteY1" fmla="*/ 1157314 h 3274480"/>
              <a:gd name="connsiteX2" fmla="*/ 987247 w 2260058"/>
              <a:gd name="connsiteY2" fmla="*/ 1585939 h 3274480"/>
              <a:gd name="connsiteX3" fmla="*/ 1530172 w 2260058"/>
              <a:gd name="connsiteY3" fmla="*/ 2171727 h 3274480"/>
              <a:gd name="connsiteX4" fmla="*/ 1158697 w 2260058"/>
              <a:gd name="connsiteY4" fmla="*/ 2814664 h 3274480"/>
              <a:gd name="connsiteX5" fmla="*/ 1287284 w 2260058"/>
              <a:gd name="connsiteY5" fmla="*/ 2828952 h 3274480"/>
              <a:gd name="connsiteX6" fmla="*/ 1415872 w 2260058"/>
              <a:gd name="connsiteY6" fmla="*/ 2900389 h 3274480"/>
              <a:gd name="connsiteX7" fmla="*/ 930097 w 2260058"/>
              <a:gd name="connsiteY7" fmla="*/ 2986114 h 3274480"/>
              <a:gd name="connsiteX8" fmla="*/ 1287284 w 2260058"/>
              <a:gd name="connsiteY8" fmla="*/ 2228877 h 3274480"/>
              <a:gd name="connsiteX9" fmla="*/ 844372 w 2260058"/>
              <a:gd name="connsiteY9" fmla="*/ 1914552 h 3274480"/>
              <a:gd name="connsiteX10" fmla="*/ 672922 w 2260058"/>
              <a:gd name="connsiteY10" fmla="*/ 2486052 h 3274480"/>
              <a:gd name="connsiteX11" fmla="*/ 215722 w 2260058"/>
              <a:gd name="connsiteY11" fmla="*/ 2971827 h 3274480"/>
              <a:gd name="connsiteX12" fmla="*/ 401459 w 2260058"/>
              <a:gd name="connsiteY12" fmla="*/ 3100414 h 3274480"/>
              <a:gd name="connsiteX13" fmla="*/ 230009 w 2260058"/>
              <a:gd name="connsiteY13" fmla="*/ 3271864 h 3274480"/>
              <a:gd name="connsiteX14" fmla="*/ 1409 w 2260058"/>
              <a:gd name="connsiteY14" fmla="*/ 2957539 h 3274480"/>
              <a:gd name="connsiteX15" fmla="*/ 144284 w 2260058"/>
              <a:gd name="connsiteY15" fmla="*/ 2886102 h 3274480"/>
              <a:gd name="connsiteX16" fmla="*/ 358597 w 2260058"/>
              <a:gd name="connsiteY16" fmla="*/ 2400327 h 3274480"/>
              <a:gd name="connsiteX17" fmla="*/ 515759 w 2260058"/>
              <a:gd name="connsiteY17" fmla="*/ 2271739 h 3274480"/>
              <a:gd name="connsiteX18" fmla="*/ 558622 w 2260058"/>
              <a:gd name="connsiteY18" fmla="*/ 1728814 h 3274480"/>
              <a:gd name="connsiteX19" fmla="*/ 501472 w 2260058"/>
              <a:gd name="connsiteY19" fmla="*/ 1500214 h 3274480"/>
              <a:gd name="connsiteX20" fmla="*/ 915809 w 2260058"/>
              <a:gd name="connsiteY20" fmla="*/ 1128740 h 3274480"/>
              <a:gd name="connsiteX21" fmla="*/ 1001534 w 2260058"/>
              <a:gd name="connsiteY21" fmla="*/ 842989 h 3274480"/>
              <a:gd name="connsiteX22" fmla="*/ 1130122 w 2260058"/>
              <a:gd name="connsiteY22" fmla="*/ 657252 h 3274480"/>
              <a:gd name="connsiteX23" fmla="*/ 1187271 w 2260058"/>
              <a:gd name="connsiteY23" fmla="*/ 371502 h 3274480"/>
              <a:gd name="connsiteX24" fmla="*/ 1530172 w 2260058"/>
              <a:gd name="connsiteY24" fmla="*/ 457228 h 3274480"/>
              <a:gd name="connsiteX25" fmla="*/ 1744484 w 2260058"/>
              <a:gd name="connsiteY25" fmla="*/ 242914 h 3274480"/>
              <a:gd name="connsiteX26" fmla="*/ 1787347 w 2260058"/>
              <a:gd name="connsiteY26" fmla="*/ 27 h 3274480"/>
              <a:gd name="connsiteX27" fmla="*/ 1887359 w 2260058"/>
              <a:gd name="connsiteY27" fmla="*/ 228627 h 3274480"/>
              <a:gd name="connsiteX28" fmla="*/ 1690562 w 2260058"/>
              <a:gd name="connsiteY28" fmla="*/ 439253 h 3274480"/>
              <a:gd name="connsiteX29" fmla="*/ 2030234 w 2260058"/>
              <a:gd name="connsiteY29" fmla="*/ 200052 h 3274480"/>
              <a:gd name="connsiteX30" fmla="*/ 2074018 w 2260058"/>
              <a:gd name="connsiteY30" fmla="*/ 87134 h 3274480"/>
              <a:gd name="connsiteX31" fmla="*/ 2098906 w 2260058"/>
              <a:gd name="connsiteY31" fmla="*/ 158572 h 3274480"/>
              <a:gd name="connsiteX32" fmla="*/ 2258834 w 2260058"/>
              <a:gd name="connsiteY32" fmla="*/ 214339 h 3274480"/>
              <a:gd name="connsiteX33" fmla="*/ 1913823 w 2260058"/>
              <a:gd name="connsiteY33" fmla="*/ 406068 h 3274480"/>
              <a:gd name="connsiteX34" fmla="*/ 1663101 w 2260058"/>
              <a:gd name="connsiteY34" fmla="*/ 612546 h 3274480"/>
              <a:gd name="connsiteX35" fmla="*/ 1430159 w 2260058"/>
              <a:gd name="connsiteY35" fmla="*/ 814414 h 3274480"/>
              <a:gd name="connsiteX0" fmla="*/ 1430159 w 2260058"/>
              <a:gd name="connsiteY0" fmla="*/ 814414 h 3274480"/>
              <a:gd name="connsiteX1" fmla="*/ 1458734 w 2260058"/>
              <a:gd name="connsiteY1" fmla="*/ 1157314 h 3274480"/>
              <a:gd name="connsiteX2" fmla="*/ 987247 w 2260058"/>
              <a:gd name="connsiteY2" fmla="*/ 1585939 h 3274480"/>
              <a:gd name="connsiteX3" fmla="*/ 1530172 w 2260058"/>
              <a:gd name="connsiteY3" fmla="*/ 2171727 h 3274480"/>
              <a:gd name="connsiteX4" fmla="*/ 1158697 w 2260058"/>
              <a:gd name="connsiteY4" fmla="*/ 2814664 h 3274480"/>
              <a:gd name="connsiteX5" fmla="*/ 1287284 w 2260058"/>
              <a:gd name="connsiteY5" fmla="*/ 2828952 h 3274480"/>
              <a:gd name="connsiteX6" fmla="*/ 1415872 w 2260058"/>
              <a:gd name="connsiteY6" fmla="*/ 2900389 h 3274480"/>
              <a:gd name="connsiteX7" fmla="*/ 930097 w 2260058"/>
              <a:gd name="connsiteY7" fmla="*/ 2986114 h 3274480"/>
              <a:gd name="connsiteX8" fmla="*/ 1287284 w 2260058"/>
              <a:gd name="connsiteY8" fmla="*/ 2228877 h 3274480"/>
              <a:gd name="connsiteX9" fmla="*/ 844372 w 2260058"/>
              <a:gd name="connsiteY9" fmla="*/ 1914552 h 3274480"/>
              <a:gd name="connsiteX10" fmla="*/ 672922 w 2260058"/>
              <a:gd name="connsiteY10" fmla="*/ 2486052 h 3274480"/>
              <a:gd name="connsiteX11" fmla="*/ 215722 w 2260058"/>
              <a:gd name="connsiteY11" fmla="*/ 2971827 h 3274480"/>
              <a:gd name="connsiteX12" fmla="*/ 401459 w 2260058"/>
              <a:gd name="connsiteY12" fmla="*/ 3100414 h 3274480"/>
              <a:gd name="connsiteX13" fmla="*/ 230009 w 2260058"/>
              <a:gd name="connsiteY13" fmla="*/ 3271864 h 3274480"/>
              <a:gd name="connsiteX14" fmla="*/ 1409 w 2260058"/>
              <a:gd name="connsiteY14" fmla="*/ 2957539 h 3274480"/>
              <a:gd name="connsiteX15" fmla="*/ 144284 w 2260058"/>
              <a:gd name="connsiteY15" fmla="*/ 2886102 h 3274480"/>
              <a:gd name="connsiteX16" fmla="*/ 358597 w 2260058"/>
              <a:gd name="connsiteY16" fmla="*/ 2400327 h 3274480"/>
              <a:gd name="connsiteX17" fmla="*/ 515759 w 2260058"/>
              <a:gd name="connsiteY17" fmla="*/ 2271739 h 3274480"/>
              <a:gd name="connsiteX18" fmla="*/ 558622 w 2260058"/>
              <a:gd name="connsiteY18" fmla="*/ 1728814 h 3274480"/>
              <a:gd name="connsiteX19" fmla="*/ 501472 w 2260058"/>
              <a:gd name="connsiteY19" fmla="*/ 1500214 h 3274480"/>
              <a:gd name="connsiteX20" fmla="*/ 915809 w 2260058"/>
              <a:gd name="connsiteY20" fmla="*/ 1128740 h 3274480"/>
              <a:gd name="connsiteX21" fmla="*/ 1001534 w 2260058"/>
              <a:gd name="connsiteY21" fmla="*/ 842989 h 3274480"/>
              <a:gd name="connsiteX22" fmla="*/ 1130122 w 2260058"/>
              <a:gd name="connsiteY22" fmla="*/ 657252 h 3274480"/>
              <a:gd name="connsiteX23" fmla="*/ 1187271 w 2260058"/>
              <a:gd name="connsiteY23" fmla="*/ 371502 h 3274480"/>
              <a:gd name="connsiteX24" fmla="*/ 1530172 w 2260058"/>
              <a:gd name="connsiteY24" fmla="*/ 457228 h 3274480"/>
              <a:gd name="connsiteX25" fmla="*/ 1744484 w 2260058"/>
              <a:gd name="connsiteY25" fmla="*/ 242914 h 3274480"/>
              <a:gd name="connsiteX26" fmla="*/ 1787347 w 2260058"/>
              <a:gd name="connsiteY26" fmla="*/ 27 h 3274480"/>
              <a:gd name="connsiteX27" fmla="*/ 1887359 w 2260058"/>
              <a:gd name="connsiteY27" fmla="*/ 228627 h 3274480"/>
              <a:gd name="connsiteX28" fmla="*/ 1690562 w 2260058"/>
              <a:gd name="connsiteY28" fmla="*/ 439253 h 3274480"/>
              <a:gd name="connsiteX29" fmla="*/ 1987371 w 2260058"/>
              <a:gd name="connsiteY29" fmla="*/ 185764 h 3274480"/>
              <a:gd name="connsiteX30" fmla="*/ 2074018 w 2260058"/>
              <a:gd name="connsiteY30" fmla="*/ 87134 h 3274480"/>
              <a:gd name="connsiteX31" fmla="*/ 2098906 w 2260058"/>
              <a:gd name="connsiteY31" fmla="*/ 158572 h 3274480"/>
              <a:gd name="connsiteX32" fmla="*/ 2258834 w 2260058"/>
              <a:gd name="connsiteY32" fmla="*/ 214339 h 3274480"/>
              <a:gd name="connsiteX33" fmla="*/ 1913823 w 2260058"/>
              <a:gd name="connsiteY33" fmla="*/ 406068 h 3274480"/>
              <a:gd name="connsiteX34" fmla="*/ 1663101 w 2260058"/>
              <a:gd name="connsiteY34" fmla="*/ 612546 h 3274480"/>
              <a:gd name="connsiteX35" fmla="*/ 1430159 w 2260058"/>
              <a:gd name="connsiteY35" fmla="*/ 814414 h 32744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</a:cxnLst>
            <a:rect l="l" t="t" r="r" b="b"/>
            <a:pathLst>
              <a:path w="2260058" h="3274480">
                <a:moveTo>
                  <a:pt x="1430159" y="814414"/>
                </a:moveTo>
                <a:cubicBezTo>
                  <a:pt x="1396098" y="905209"/>
                  <a:pt x="1532553" y="1028727"/>
                  <a:pt x="1458734" y="1157314"/>
                </a:cubicBezTo>
                <a:cubicBezTo>
                  <a:pt x="1384915" y="1285902"/>
                  <a:pt x="975341" y="1416870"/>
                  <a:pt x="987247" y="1585939"/>
                </a:cubicBezTo>
                <a:cubicBezTo>
                  <a:pt x="999153" y="1755008"/>
                  <a:pt x="1501597" y="1966940"/>
                  <a:pt x="1530172" y="2171727"/>
                </a:cubicBezTo>
                <a:cubicBezTo>
                  <a:pt x="1558747" y="2376514"/>
                  <a:pt x="1199178" y="2705127"/>
                  <a:pt x="1158697" y="2814664"/>
                </a:cubicBezTo>
                <a:cubicBezTo>
                  <a:pt x="1118216" y="2924201"/>
                  <a:pt x="1244422" y="2814665"/>
                  <a:pt x="1287284" y="2828952"/>
                </a:cubicBezTo>
                <a:cubicBezTo>
                  <a:pt x="1330146" y="2843239"/>
                  <a:pt x="1475403" y="2874195"/>
                  <a:pt x="1415872" y="2900389"/>
                </a:cubicBezTo>
                <a:cubicBezTo>
                  <a:pt x="1356341" y="2926583"/>
                  <a:pt x="951528" y="3098033"/>
                  <a:pt x="930097" y="2986114"/>
                </a:cubicBezTo>
                <a:cubicBezTo>
                  <a:pt x="908666" y="2874195"/>
                  <a:pt x="1301571" y="2407471"/>
                  <a:pt x="1287284" y="2228877"/>
                </a:cubicBezTo>
                <a:cubicBezTo>
                  <a:pt x="1272997" y="2050283"/>
                  <a:pt x="946766" y="1871690"/>
                  <a:pt x="844372" y="1914552"/>
                </a:cubicBezTo>
                <a:cubicBezTo>
                  <a:pt x="741978" y="1957414"/>
                  <a:pt x="777697" y="2309840"/>
                  <a:pt x="672922" y="2486052"/>
                </a:cubicBezTo>
                <a:cubicBezTo>
                  <a:pt x="568147" y="2662264"/>
                  <a:pt x="260966" y="2869433"/>
                  <a:pt x="215722" y="2971827"/>
                </a:cubicBezTo>
                <a:cubicBezTo>
                  <a:pt x="170478" y="3074221"/>
                  <a:pt x="399078" y="3050408"/>
                  <a:pt x="401459" y="3100414"/>
                </a:cubicBezTo>
                <a:cubicBezTo>
                  <a:pt x="403840" y="3150420"/>
                  <a:pt x="296684" y="3295677"/>
                  <a:pt x="230009" y="3271864"/>
                </a:cubicBezTo>
                <a:cubicBezTo>
                  <a:pt x="163334" y="3248052"/>
                  <a:pt x="15696" y="3021833"/>
                  <a:pt x="1409" y="2957539"/>
                </a:cubicBezTo>
                <a:cubicBezTo>
                  <a:pt x="-12878" y="2893245"/>
                  <a:pt x="84753" y="2978971"/>
                  <a:pt x="144284" y="2886102"/>
                </a:cubicBezTo>
                <a:cubicBezTo>
                  <a:pt x="203815" y="2793233"/>
                  <a:pt x="296685" y="2502721"/>
                  <a:pt x="358597" y="2400327"/>
                </a:cubicBezTo>
                <a:cubicBezTo>
                  <a:pt x="420509" y="2297933"/>
                  <a:pt x="482422" y="2383658"/>
                  <a:pt x="515759" y="2271739"/>
                </a:cubicBezTo>
                <a:cubicBezTo>
                  <a:pt x="549096" y="2159820"/>
                  <a:pt x="561003" y="1857401"/>
                  <a:pt x="558622" y="1728814"/>
                </a:cubicBezTo>
                <a:cubicBezTo>
                  <a:pt x="556241" y="1600227"/>
                  <a:pt x="499091" y="1614513"/>
                  <a:pt x="501472" y="1500214"/>
                </a:cubicBezTo>
                <a:cubicBezTo>
                  <a:pt x="503853" y="1385915"/>
                  <a:pt x="832465" y="1238277"/>
                  <a:pt x="915809" y="1128740"/>
                </a:cubicBezTo>
                <a:cubicBezTo>
                  <a:pt x="999153" y="1019203"/>
                  <a:pt x="965815" y="921570"/>
                  <a:pt x="1001534" y="842989"/>
                </a:cubicBezTo>
                <a:cubicBezTo>
                  <a:pt x="1037253" y="764408"/>
                  <a:pt x="1063447" y="709639"/>
                  <a:pt x="1130122" y="657252"/>
                </a:cubicBezTo>
                <a:cubicBezTo>
                  <a:pt x="1196797" y="604865"/>
                  <a:pt x="1103927" y="495327"/>
                  <a:pt x="1187271" y="371502"/>
                </a:cubicBezTo>
                <a:cubicBezTo>
                  <a:pt x="1470639" y="219102"/>
                  <a:pt x="1451591" y="488184"/>
                  <a:pt x="1530172" y="457228"/>
                </a:cubicBezTo>
                <a:cubicBezTo>
                  <a:pt x="1608753" y="426272"/>
                  <a:pt x="1701622" y="319114"/>
                  <a:pt x="1744484" y="242914"/>
                </a:cubicBezTo>
                <a:cubicBezTo>
                  <a:pt x="1787346" y="166714"/>
                  <a:pt x="1763534" y="2408"/>
                  <a:pt x="1787347" y="27"/>
                </a:cubicBezTo>
                <a:cubicBezTo>
                  <a:pt x="1811160" y="-2354"/>
                  <a:pt x="1903490" y="155423"/>
                  <a:pt x="1887359" y="228627"/>
                </a:cubicBezTo>
                <a:cubicBezTo>
                  <a:pt x="1871228" y="301831"/>
                  <a:pt x="1673893" y="446397"/>
                  <a:pt x="1690562" y="439253"/>
                </a:cubicBezTo>
                <a:cubicBezTo>
                  <a:pt x="1707231" y="432109"/>
                  <a:pt x="1923462" y="244451"/>
                  <a:pt x="1987371" y="185764"/>
                </a:cubicBezTo>
                <a:cubicBezTo>
                  <a:pt x="2051280" y="127078"/>
                  <a:pt x="2055429" y="91666"/>
                  <a:pt x="2074018" y="87134"/>
                </a:cubicBezTo>
                <a:cubicBezTo>
                  <a:pt x="2092607" y="82602"/>
                  <a:pt x="2070331" y="144285"/>
                  <a:pt x="2098906" y="158572"/>
                </a:cubicBezTo>
                <a:cubicBezTo>
                  <a:pt x="2127481" y="172859"/>
                  <a:pt x="2274933" y="143594"/>
                  <a:pt x="2258834" y="214339"/>
                </a:cubicBezTo>
                <a:cubicBezTo>
                  <a:pt x="2242735" y="285084"/>
                  <a:pt x="2005738" y="324952"/>
                  <a:pt x="1913823" y="406068"/>
                </a:cubicBezTo>
                <a:cubicBezTo>
                  <a:pt x="1821908" y="487184"/>
                  <a:pt x="1790920" y="521597"/>
                  <a:pt x="1663101" y="612546"/>
                </a:cubicBezTo>
                <a:cubicBezTo>
                  <a:pt x="1582490" y="680604"/>
                  <a:pt x="1464220" y="723619"/>
                  <a:pt x="1430159" y="814414"/>
                </a:cubicBezTo>
                <a:close/>
              </a:path>
            </a:pathLst>
          </a:cu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32733800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itle 30"/>
          <p:cNvSpPr>
            <a:spLocks noGrp="1"/>
          </p:cNvSpPr>
          <p:nvPr>
            <p:ph type="title"/>
          </p:nvPr>
        </p:nvSpPr>
        <p:spPr>
          <a:xfrm>
            <a:off x="530374" y="173457"/>
            <a:ext cx="8229600" cy="1143000"/>
          </a:xfrm>
        </p:spPr>
        <p:txBody>
          <a:bodyPr>
            <a:normAutofit/>
          </a:bodyPr>
          <a:lstStyle/>
          <a:p>
            <a:r>
              <a:rPr lang="en-SG" sz="2800" dirty="0" smtClean="0"/>
              <a:t>A very important reason that is often missed out:</a:t>
            </a:r>
            <a:br>
              <a:rPr lang="en-SG" sz="2800" dirty="0" smtClean="0"/>
            </a:br>
            <a:r>
              <a:rPr lang="en-SG" sz="2800" dirty="0" smtClean="0"/>
              <a:t>How did we decide who gets what?</a:t>
            </a:r>
            <a:endParaRPr lang="en-SG" sz="2800" dirty="0"/>
          </a:p>
        </p:txBody>
      </p:sp>
      <p:grpSp>
        <p:nvGrpSpPr>
          <p:cNvPr id="39" name="Group 38"/>
          <p:cNvGrpSpPr/>
          <p:nvPr/>
        </p:nvGrpSpPr>
        <p:grpSpPr>
          <a:xfrm>
            <a:off x="4385863" y="3174263"/>
            <a:ext cx="938679" cy="958591"/>
            <a:chOff x="1285774" y="3703977"/>
            <a:chExt cx="1182708" cy="958591"/>
          </a:xfrm>
        </p:grpSpPr>
        <p:grpSp>
          <p:nvGrpSpPr>
            <p:cNvPr id="27" name="Group 26"/>
            <p:cNvGrpSpPr/>
            <p:nvPr/>
          </p:nvGrpSpPr>
          <p:grpSpPr>
            <a:xfrm>
              <a:off x="1285774" y="3703977"/>
              <a:ext cx="488058" cy="958591"/>
              <a:chOff x="3682064" y="2728511"/>
              <a:chExt cx="488058" cy="958591"/>
            </a:xfrm>
          </p:grpSpPr>
          <p:sp>
            <p:nvSpPr>
              <p:cNvPr id="25" name="Oval 24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26" name="Freeform 25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  <p:grpSp>
          <p:nvGrpSpPr>
            <p:cNvPr id="28" name="Group 27"/>
            <p:cNvGrpSpPr/>
            <p:nvPr/>
          </p:nvGrpSpPr>
          <p:grpSpPr>
            <a:xfrm>
              <a:off x="1980424" y="3703977"/>
              <a:ext cx="488058" cy="958591"/>
              <a:chOff x="3682064" y="2728511"/>
              <a:chExt cx="488058" cy="958591"/>
            </a:xfrm>
          </p:grpSpPr>
          <p:sp>
            <p:nvSpPr>
              <p:cNvPr id="29" name="Oval 28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30" name="Freeform 29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</p:grpSp>
      <p:grpSp>
        <p:nvGrpSpPr>
          <p:cNvPr id="5" name="Group 4"/>
          <p:cNvGrpSpPr/>
          <p:nvPr/>
        </p:nvGrpSpPr>
        <p:grpSpPr>
          <a:xfrm>
            <a:off x="5591818" y="2487830"/>
            <a:ext cx="515177" cy="2415950"/>
            <a:chOff x="3761267" y="2510933"/>
            <a:chExt cx="900178" cy="2415950"/>
          </a:xfrm>
        </p:grpSpPr>
        <p:sp>
          <p:nvSpPr>
            <p:cNvPr id="45" name="Right Arrow 44"/>
            <p:cNvSpPr/>
            <p:nvPr/>
          </p:nvSpPr>
          <p:spPr>
            <a:xfrm rot="20013156">
              <a:off x="3767561" y="2510933"/>
              <a:ext cx="889367" cy="386257"/>
            </a:xfrm>
            <a:prstGeom prst="rightArrow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46" name="Right Arrow 45"/>
            <p:cNvSpPr/>
            <p:nvPr/>
          </p:nvSpPr>
          <p:spPr>
            <a:xfrm rot="1827200">
              <a:off x="3761267" y="4530038"/>
              <a:ext cx="900178" cy="396845"/>
            </a:xfrm>
            <a:prstGeom prst="rightArrow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  <p:grpSp>
        <p:nvGrpSpPr>
          <p:cNvPr id="6" name="Group 5"/>
          <p:cNvGrpSpPr/>
          <p:nvPr/>
        </p:nvGrpSpPr>
        <p:grpSpPr>
          <a:xfrm>
            <a:off x="6359846" y="1680454"/>
            <a:ext cx="2523445" cy="4343550"/>
            <a:chOff x="4844960" y="1680454"/>
            <a:chExt cx="2917870" cy="4343550"/>
          </a:xfrm>
        </p:grpSpPr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47020" y="3508194"/>
              <a:ext cx="2515810" cy="2515810"/>
            </a:xfrm>
            <a:prstGeom prst="rect">
              <a:avLst/>
            </a:prstGeom>
          </p:spPr>
        </p:pic>
        <p:grpSp>
          <p:nvGrpSpPr>
            <p:cNvPr id="32" name="Group 31"/>
            <p:cNvGrpSpPr/>
            <p:nvPr/>
          </p:nvGrpSpPr>
          <p:grpSpPr>
            <a:xfrm>
              <a:off x="4844960" y="2116439"/>
              <a:ext cx="488058" cy="958591"/>
              <a:chOff x="3682064" y="2728511"/>
              <a:chExt cx="488058" cy="958591"/>
            </a:xfrm>
          </p:grpSpPr>
          <p:sp>
            <p:nvSpPr>
              <p:cNvPr id="33" name="Oval 32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34" name="Freeform 33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  <p:grpSp>
          <p:nvGrpSpPr>
            <p:cNvPr id="35" name="Group 34"/>
            <p:cNvGrpSpPr/>
            <p:nvPr/>
          </p:nvGrpSpPr>
          <p:grpSpPr>
            <a:xfrm>
              <a:off x="4880133" y="4329291"/>
              <a:ext cx="488058" cy="958591"/>
              <a:chOff x="3682064" y="2728511"/>
              <a:chExt cx="488058" cy="958591"/>
            </a:xfrm>
          </p:grpSpPr>
          <p:sp>
            <p:nvSpPr>
              <p:cNvPr id="36" name="Oval 35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37" name="Freeform 36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  <p:pic>
          <p:nvPicPr>
            <p:cNvPr id="58" name="Picture 57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555903" y="1680454"/>
              <a:ext cx="1898045" cy="1523181"/>
            </a:xfrm>
            <a:prstGeom prst="rect">
              <a:avLst/>
            </a:prstGeom>
          </p:spPr>
        </p:pic>
      </p:grpSp>
      <p:sp>
        <p:nvSpPr>
          <p:cNvPr id="38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096024" y="6492875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  <p:sp>
        <p:nvSpPr>
          <p:cNvPr id="7" name="Oval 6"/>
          <p:cNvSpPr/>
          <p:nvPr/>
        </p:nvSpPr>
        <p:spPr>
          <a:xfrm>
            <a:off x="5436096" y="1556466"/>
            <a:ext cx="870197" cy="4343550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44" name="TextBox 43"/>
          <p:cNvSpPr txBox="1"/>
          <p:nvPr/>
        </p:nvSpPr>
        <p:spPr>
          <a:xfrm>
            <a:off x="192069" y="2367762"/>
            <a:ext cx="3443825" cy="646331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let them choose what they would like to do? </a:t>
            </a:r>
            <a:endParaRPr lang="en-SG" dirty="0" smtClean="0"/>
          </a:p>
        </p:txBody>
      </p:sp>
      <p:sp>
        <p:nvSpPr>
          <p:cNvPr id="47" name="TextBox 46"/>
          <p:cNvSpPr txBox="1"/>
          <p:nvPr/>
        </p:nvSpPr>
        <p:spPr>
          <a:xfrm>
            <a:off x="157816" y="3218027"/>
            <a:ext cx="3478078" cy="646331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assign the kids based on their relative academic results? </a:t>
            </a:r>
            <a:endParaRPr lang="en-SG" dirty="0" smtClean="0"/>
          </a:p>
        </p:txBody>
      </p:sp>
      <p:sp>
        <p:nvSpPr>
          <p:cNvPr id="48" name="TextBox 47"/>
          <p:cNvSpPr txBox="1"/>
          <p:nvPr/>
        </p:nvSpPr>
        <p:spPr>
          <a:xfrm>
            <a:off x="157816" y="4047303"/>
            <a:ext cx="3478078" cy="646331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assign the kids based on their relative happiness? </a:t>
            </a:r>
            <a:endParaRPr lang="en-SG" dirty="0" smtClean="0"/>
          </a:p>
        </p:txBody>
      </p:sp>
      <p:sp>
        <p:nvSpPr>
          <p:cNvPr id="49" name="TextBox 48"/>
          <p:cNvSpPr txBox="1"/>
          <p:nvPr/>
        </p:nvSpPr>
        <p:spPr>
          <a:xfrm>
            <a:off x="154270" y="1565301"/>
            <a:ext cx="3800321" cy="646331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The two kids may be very different in character </a:t>
            </a:r>
            <a:endParaRPr lang="en-SG" dirty="0"/>
          </a:p>
        </p:txBody>
      </p:sp>
      <p:sp>
        <p:nvSpPr>
          <p:cNvPr id="50" name="TextBox 49"/>
          <p:cNvSpPr txBox="1"/>
          <p:nvPr/>
        </p:nvSpPr>
        <p:spPr>
          <a:xfrm>
            <a:off x="192069" y="2327164"/>
            <a:ext cx="3800321" cy="646331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let them choose what they would like to do? </a:t>
            </a:r>
            <a:endParaRPr lang="en-SG" dirty="0" smtClean="0"/>
          </a:p>
        </p:txBody>
      </p:sp>
      <p:sp>
        <p:nvSpPr>
          <p:cNvPr id="51" name="TextBox 50"/>
          <p:cNvSpPr txBox="1"/>
          <p:nvPr/>
        </p:nvSpPr>
        <p:spPr>
          <a:xfrm>
            <a:off x="157816" y="3177429"/>
            <a:ext cx="3838120" cy="646331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assign the kids based on their relative academic results? </a:t>
            </a:r>
            <a:endParaRPr lang="en-SG" dirty="0" smtClean="0"/>
          </a:p>
        </p:txBody>
      </p:sp>
      <p:sp>
        <p:nvSpPr>
          <p:cNvPr id="52" name="TextBox 51"/>
          <p:cNvSpPr txBox="1"/>
          <p:nvPr/>
        </p:nvSpPr>
        <p:spPr>
          <a:xfrm>
            <a:off x="157816" y="4006705"/>
            <a:ext cx="3838120" cy="646331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assign the kids based on their relative happiness? </a:t>
            </a:r>
            <a:endParaRPr lang="en-SG" dirty="0" smtClean="0"/>
          </a:p>
        </p:txBody>
      </p:sp>
      <p:sp>
        <p:nvSpPr>
          <p:cNvPr id="53" name="TextBox 52"/>
          <p:cNvSpPr txBox="1"/>
          <p:nvPr/>
        </p:nvSpPr>
        <p:spPr>
          <a:xfrm>
            <a:off x="154270" y="4805436"/>
            <a:ext cx="3838120" cy="369332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assign the kids by drawing lots? </a:t>
            </a:r>
            <a:endParaRPr lang="en-SG" dirty="0" smtClean="0"/>
          </a:p>
        </p:txBody>
      </p:sp>
    </p:spTree>
    <p:extLst>
      <p:ext uri="{BB962C8B-B14F-4D97-AF65-F5344CB8AC3E}">
        <p14:creationId xmlns:p14="http://schemas.microsoft.com/office/powerpoint/2010/main" val="101430424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4" grpId="0" animBg="1"/>
      <p:bldP spid="47" grpId="0" animBg="1"/>
      <p:bldP spid="48" grpId="0" animBg="1"/>
      <p:bldP spid="49" grpId="0" animBg="1"/>
      <p:bldP spid="50" grpId="0" animBg="1"/>
      <p:bldP spid="51" grpId="0" animBg="1"/>
      <p:bldP spid="52" grpId="0" animBg="1"/>
      <p:bldP spid="53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itle 30"/>
          <p:cNvSpPr>
            <a:spLocks noGrp="1"/>
          </p:cNvSpPr>
          <p:nvPr>
            <p:ph type="title"/>
          </p:nvPr>
        </p:nvSpPr>
        <p:spPr>
          <a:xfrm>
            <a:off x="530374" y="173457"/>
            <a:ext cx="8229600" cy="1143000"/>
          </a:xfrm>
        </p:spPr>
        <p:txBody>
          <a:bodyPr>
            <a:normAutofit/>
          </a:bodyPr>
          <a:lstStyle/>
          <a:p>
            <a:r>
              <a:rPr lang="en-SG" sz="2800" dirty="0" smtClean="0"/>
              <a:t>A very important reason that is often missed out:</a:t>
            </a:r>
            <a:br>
              <a:rPr lang="en-SG" sz="2800" dirty="0" smtClean="0"/>
            </a:br>
            <a:r>
              <a:rPr lang="en-SG" sz="2800" dirty="0" smtClean="0"/>
              <a:t>How did we decide who gets what?</a:t>
            </a:r>
            <a:endParaRPr lang="en-SG" sz="2800" dirty="0"/>
          </a:p>
        </p:txBody>
      </p:sp>
      <p:sp>
        <p:nvSpPr>
          <p:cNvPr id="38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096024" y="6492875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  <p:sp>
        <p:nvSpPr>
          <p:cNvPr id="47" name="TextBox 46"/>
          <p:cNvSpPr txBox="1"/>
          <p:nvPr/>
        </p:nvSpPr>
        <p:spPr>
          <a:xfrm>
            <a:off x="157816" y="3218027"/>
            <a:ext cx="3478078" cy="646331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assign the kids based on their relative academic results? </a:t>
            </a:r>
            <a:endParaRPr lang="en-SG" dirty="0" smtClean="0"/>
          </a:p>
        </p:txBody>
      </p:sp>
      <p:sp>
        <p:nvSpPr>
          <p:cNvPr id="48" name="TextBox 47"/>
          <p:cNvSpPr txBox="1"/>
          <p:nvPr/>
        </p:nvSpPr>
        <p:spPr>
          <a:xfrm>
            <a:off x="157816" y="4047303"/>
            <a:ext cx="3478078" cy="646331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assign the kids based on their relative happiness? </a:t>
            </a:r>
            <a:endParaRPr lang="en-SG" dirty="0" smtClean="0"/>
          </a:p>
        </p:txBody>
      </p:sp>
      <p:sp>
        <p:nvSpPr>
          <p:cNvPr id="49" name="TextBox 48"/>
          <p:cNvSpPr txBox="1"/>
          <p:nvPr/>
        </p:nvSpPr>
        <p:spPr>
          <a:xfrm>
            <a:off x="154270" y="1565301"/>
            <a:ext cx="3800321" cy="646331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Suppose the </a:t>
            </a:r>
            <a:r>
              <a:rPr lang="en-SG" dirty="0" smtClean="0"/>
              <a:t>two kids </a:t>
            </a:r>
            <a:r>
              <a:rPr lang="en-SG" dirty="0" smtClean="0"/>
              <a:t>are </a:t>
            </a:r>
            <a:r>
              <a:rPr lang="en-SG" dirty="0" smtClean="0"/>
              <a:t>very different in character </a:t>
            </a:r>
            <a:endParaRPr lang="en-SG" dirty="0"/>
          </a:p>
        </p:txBody>
      </p:sp>
      <p:sp>
        <p:nvSpPr>
          <p:cNvPr id="50" name="TextBox 49"/>
          <p:cNvSpPr txBox="1"/>
          <p:nvPr/>
        </p:nvSpPr>
        <p:spPr>
          <a:xfrm>
            <a:off x="192069" y="2327164"/>
            <a:ext cx="3800321" cy="646331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let them choose what they would like to do? </a:t>
            </a:r>
            <a:endParaRPr lang="en-SG" dirty="0" smtClean="0"/>
          </a:p>
        </p:txBody>
      </p:sp>
      <p:sp>
        <p:nvSpPr>
          <p:cNvPr id="51" name="TextBox 50"/>
          <p:cNvSpPr txBox="1"/>
          <p:nvPr/>
        </p:nvSpPr>
        <p:spPr>
          <a:xfrm>
            <a:off x="157816" y="3177429"/>
            <a:ext cx="3838120" cy="646331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assign the kids based on their relative academic results? </a:t>
            </a:r>
            <a:endParaRPr lang="en-SG" dirty="0" smtClean="0"/>
          </a:p>
        </p:txBody>
      </p:sp>
      <p:sp>
        <p:nvSpPr>
          <p:cNvPr id="52" name="TextBox 51"/>
          <p:cNvSpPr txBox="1"/>
          <p:nvPr/>
        </p:nvSpPr>
        <p:spPr>
          <a:xfrm>
            <a:off x="157816" y="4006705"/>
            <a:ext cx="3838120" cy="923330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assign the kids based on the relative happiness they derive from the activities? </a:t>
            </a:r>
            <a:endParaRPr lang="en-SG" dirty="0" smtClean="0"/>
          </a:p>
        </p:txBody>
      </p:sp>
      <p:sp>
        <p:nvSpPr>
          <p:cNvPr id="53" name="TextBox 52"/>
          <p:cNvSpPr txBox="1"/>
          <p:nvPr/>
        </p:nvSpPr>
        <p:spPr>
          <a:xfrm>
            <a:off x="173169" y="5174768"/>
            <a:ext cx="3838120" cy="369332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d I assign the kids by drawing lots? </a:t>
            </a:r>
            <a:endParaRPr lang="en-SG" dirty="0" smtClean="0"/>
          </a:p>
        </p:txBody>
      </p:sp>
      <p:sp>
        <p:nvSpPr>
          <p:cNvPr id="2" name="Right Arrow 1"/>
          <p:cNvSpPr/>
          <p:nvPr/>
        </p:nvSpPr>
        <p:spPr>
          <a:xfrm>
            <a:off x="4283968" y="2509045"/>
            <a:ext cx="432048" cy="28256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40" name="Right Arrow 39"/>
          <p:cNvSpPr/>
          <p:nvPr/>
        </p:nvSpPr>
        <p:spPr>
          <a:xfrm>
            <a:off x="4283968" y="3359310"/>
            <a:ext cx="432048" cy="28256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41" name="Right Arrow 40"/>
          <p:cNvSpPr/>
          <p:nvPr/>
        </p:nvSpPr>
        <p:spPr>
          <a:xfrm>
            <a:off x="4283968" y="4188585"/>
            <a:ext cx="432048" cy="282567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42" name="Right Arrow 41"/>
          <p:cNvSpPr/>
          <p:nvPr/>
        </p:nvSpPr>
        <p:spPr>
          <a:xfrm>
            <a:off x="4226247" y="5192819"/>
            <a:ext cx="432048" cy="282567"/>
          </a:xfrm>
          <a:prstGeom prst="rightArrow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accent6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43" name="TextBox 42"/>
          <p:cNvSpPr txBox="1"/>
          <p:nvPr/>
        </p:nvSpPr>
        <p:spPr>
          <a:xfrm>
            <a:off x="5076056" y="2209933"/>
            <a:ext cx="3800321" cy="1200329"/>
          </a:xfrm>
          <a:prstGeom prst="rect">
            <a:avLst/>
          </a:prstGeom>
          <a:solidFill>
            <a:schemeClr val="bg2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 Difference in outcome may reflect differences in personality, such as motivation and positive attitudes, rather than the program</a:t>
            </a:r>
            <a:endParaRPr lang="en-SG" dirty="0" smtClean="0"/>
          </a:p>
        </p:txBody>
      </p:sp>
      <p:sp>
        <p:nvSpPr>
          <p:cNvPr id="54" name="TextBox 53"/>
          <p:cNvSpPr txBox="1"/>
          <p:nvPr/>
        </p:nvSpPr>
        <p:spPr>
          <a:xfrm>
            <a:off x="5076056" y="3726920"/>
            <a:ext cx="3800321" cy="923330"/>
          </a:xfrm>
          <a:prstGeom prst="rect">
            <a:avLst/>
          </a:prstGeom>
          <a:solidFill>
            <a:schemeClr val="bg2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 Difference in outcome may reflect differences in relative abilities, rather than the program</a:t>
            </a:r>
            <a:endParaRPr lang="en-SG" dirty="0" smtClean="0"/>
          </a:p>
        </p:txBody>
      </p:sp>
      <p:sp>
        <p:nvSpPr>
          <p:cNvPr id="55" name="TextBox 54"/>
          <p:cNvSpPr txBox="1"/>
          <p:nvPr/>
        </p:nvSpPr>
        <p:spPr>
          <a:xfrm>
            <a:off x="5057156" y="5010936"/>
            <a:ext cx="3838120" cy="646331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Differences in outcome are likely to be due to the effect of the program </a:t>
            </a:r>
            <a:endParaRPr lang="en-SG" dirty="0" smtClean="0"/>
          </a:p>
        </p:txBody>
      </p:sp>
    </p:spTree>
    <p:extLst>
      <p:ext uri="{BB962C8B-B14F-4D97-AF65-F5344CB8AC3E}">
        <p14:creationId xmlns:p14="http://schemas.microsoft.com/office/powerpoint/2010/main" val="7721866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7" grpId="0" animBg="1"/>
      <p:bldP spid="48" grpId="0" animBg="1"/>
      <p:bldP spid="49" grpId="0" animBg="1"/>
      <p:bldP spid="50" grpId="0" animBg="1"/>
      <p:bldP spid="51" grpId="0" animBg="1"/>
      <p:bldP spid="52" grpId="0" animBg="1"/>
      <p:bldP spid="53" grpId="0" animBg="1"/>
      <p:bldP spid="43" grpId="0" animBg="1"/>
      <p:bldP spid="54" grpId="0" animBg="1"/>
      <p:bldP spid="55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itle 30"/>
          <p:cNvSpPr>
            <a:spLocks noGrp="1"/>
          </p:cNvSpPr>
          <p:nvPr>
            <p:ph type="title"/>
          </p:nvPr>
        </p:nvSpPr>
        <p:spPr>
          <a:xfrm>
            <a:off x="530374" y="173457"/>
            <a:ext cx="8229600" cy="1143000"/>
          </a:xfrm>
        </p:spPr>
        <p:txBody>
          <a:bodyPr>
            <a:normAutofit/>
          </a:bodyPr>
          <a:lstStyle/>
          <a:p>
            <a:r>
              <a:rPr lang="en-SG" sz="3600" dirty="0" smtClean="0"/>
              <a:t>What Makes a Rigorous Evaluation?</a:t>
            </a:r>
            <a:endParaRPr lang="en-SG" sz="3600" dirty="0"/>
          </a:p>
        </p:txBody>
      </p:sp>
      <p:grpSp>
        <p:nvGrpSpPr>
          <p:cNvPr id="59" name="Group 58"/>
          <p:cNvGrpSpPr/>
          <p:nvPr/>
        </p:nvGrpSpPr>
        <p:grpSpPr>
          <a:xfrm>
            <a:off x="665445" y="1633894"/>
            <a:ext cx="5471150" cy="4518287"/>
            <a:chOff x="1190128" y="1544735"/>
            <a:chExt cx="5471150" cy="4518287"/>
          </a:xfrm>
        </p:grpSpPr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145468" y="3547212"/>
              <a:ext cx="2515810" cy="2515810"/>
            </a:xfrm>
            <a:prstGeom prst="rect">
              <a:avLst/>
            </a:prstGeom>
          </p:spPr>
        </p:pic>
        <p:grpSp>
          <p:nvGrpSpPr>
            <p:cNvPr id="32" name="Group 31"/>
            <p:cNvGrpSpPr/>
            <p:nvPr/>
          </p:nvGrpSpPr>
          <p:grpSpPr>
            <a:xfrm>
              <a:off x="3861056" y="1980720"/>
              <a:ext cx="488058" cy="958591"/>
              <a:chOff x="3682064" y="2728511"/>
              <a:chExt cx="488058" cy="958591"/>
            </a:xfrm>
          </p:grpSpPr>
          <p:sp>
            <p:nvSpPr>
              <p:cNvPr id="33" name="Oval 32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34" name="Freeform 33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  <p:grpSp>
          <p:nvGrpSpPr>
            <p:cNvPr id="35" name="Group 34"/>
            <p:cNvGrpSpPr/>
            <p:nvPr/>
          </p:nvGrpSpPr>
          <p:grpSpPr>
            <a:xfrm>
              <a:off x="3778581" y="4368309"/>
              <a:ext cx="488058" cy="958591"/>
              <a:chOff x="3682064" y="2728511"/>
              <a:chExt cx="488058" cy="958591"/>
            </a:xfrm>
          </p:grpSpPr>
          <p:sp>
            <p:nvSpPr>
              <p:cNvPr id="36" name="Oval 35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37" name="Freeform 36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  <p:grpSp>
          <p:nvGrpSpPr>
            <p:cNvPr id="39" name="Group 38"/>
            <p:cNvGrpSpPr/>
            <p:nvPr/>
          </p:nvGrpSpPr>
          <p:grpSpPr>
            <a:xfrm>
              <a:off x="1190128" y="2972723"/>
              <a:ext cx="1182708" cy="958591"/>
              <a:chOff x="1285774" y="3703977"/>
              <a:chExt cx="1182708" cy="958591"/>
            </a:xfrm>
          </p:grpSpPr>
          <p:grpSp>
            <p:nvGrpSpPr>
              <p:cNvPr id="27" name="Group 26"/>
              <p:cNvGrpSpPr/>
              <p:nvPr/>
            </p:nvGrpSpPr>
            <p:grpSpPr>
              <a:xfrm>
                <a:off x="1285774" y="3703977"/>
                <a:ext cx="488058" cy="958591"/>
                <a:chOff x="3682064" y="2728511"/>
                <a:chExt cx="488058" cy="958591"/>
              </a:xfrm>
            </p:grpSpPr>
            <p:sp>
              <p:nvSpPr>
                <p:cNvPr id="25" name="Oval 24"/>
                <p:cNvSpPr/>
                <p:nvPr/>
              </p:nvSpPr>
              <p:spPr>
                <a:xfrm>
                  <a:off x="3775697" y="2728511"/>
                  <a:ext cx="300792" cy="190387"/>
                </a:xfrm>
                <a:prstGeom prst="ellipse">
                  <a:avLst/>
                </a:prstGeom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SG"/>
                </a:p>
              </p:txBody>
            </p:sp>
            <p:sp>
              <p:nvSpPr>
                <p:cNvPr id="26" name="Freeform 25"/>
                <p:cNvSpPr/>
                <p:nvPr/>
              </p:nvSpPr>
              <p:spPr>
                <a:xfrm>
                  <a:off x="3682064" y="2918898"/>
                  <a:ext cx="488058" cy="768204"/>
                </a:xfrm>
                <a:custGeom>
                  <a:avLst/>
                  <a:gdLst>
                    <a:gd name="connsiteX0" fmla="*/ 281161 w 1870175"/>
                    <a:gd name="connsiteY0" fmla="*/ 10184 h 3799857"/>
                    <a:gd name="connsiteX1" fmla="*/ 724073 w 1870175"/>
                    <a:gd name="connsiteY1" fmla="*/ 910297 h 3799857"/>
                    <a:gd name="connsiteX2" fmla="*/ 1138411 w 1870175"/>
                    <a:gd name="connsiteY2" fmla="*/ 953159 h 3799857"/>
                    <a:gd name="connsiteX3" fmla="*/ 1681336 w 1870175"/>
                    <a:gd name="connsiteY3" fmla="*/ 38759 h 3799857"/>
                    <a:gd name="connsiteX4" fmla="*/ 1852786 w 1870175"/>
                    <a:gd name="connsiteY4" fmla="*/ 267359 h 3799857"/>
                    <a:gd name="connsiteX5" fmla="*/ 1309861 w 1870175"/>
                    <a:gd name="connsiteY5" fmla="*/ 1153184 h 3799857"/>
                    <a:gd name="connsiteX6" fmla="*/ 1281286 w 1870175"/>
                    <a:gd name="connsiteY6" fmla="*/ 3482047 h 3799857"/>
                    <a:gd name="connsiteX7" fmla="*/ 938386 w 1870175"/>
                    <a:gd name="connsiteY7" fmla="*/ 3467759 h 3799857"/>
                    <a:gd name="connsiteX8" fmla="*/ 924098 w 1870175"/>
                    <a:gd name="connsiteY8" fmla="*/ 2224747 h 3799857"/>
                    <a:gd name="connsiteX9" fmla="*/ 924098 w 1870175"/>
                    <a:gd name="connsiteY9" fmla="*/ 3539197 h 3799857"/>
                    <a:gd name="connsiteX10" fmla="*/ 595486 w 1870175"/>
                    <a:gd name="connsiteY10" fmla="*/ 3582059 h 3799857"/>
                    <a:gd name="connsiteX11" fmla="*/ 609773 w 1870175"/>
                    <a:gd name="connsiteY11" fmla="*/ 1210334 h 3799857"/>
                    <a:gd name="connsiteX12" fmla="*/ 9698 w 1870175"/>
                    <a:gd name="connsiteY12" fmla="*/ 138772 h 3799857"/>
                    <a:gd name="connsiteX13" fmla="*/ 295448 w 1870175"/>
                    <a:gd name="connsiteY13" fmla="*/ 67334 h 3799857"/>
                    <a:gd name="connsiteX0" fmla="*/ 281161 w 1870175"/>
                    <a:gd name="connsiteY0" fmla="*/ 10184 h 3710679"/>
                    <a:gd name="connsiteX1" fmla="*/ 724073 w 1870175"/>
                    <a:gd name="connsiteY1" fmla="*/ 910297 h 3710679"/>
                    <a:gd name="connsiteX2" fmla="*/ 1138411 w 1870175"/>
                    <a:gd name="connsiteY2" fmla="*/ 953159 h 3710679"/>
                    <a:gd name="connsiteX3" fmla="*/ 1681336 w 1870175"/>
                    <a:gd name="connsiteY3" fmla="*/ 38759 h 3710679"/>
                    <a:gd name="connsiteX4" fmla="*/ 1852786 w 1870175"/>
                    <a:gd name="connsiteY4" fmla="*/ 267359 h 3710679"/>
                    <a:gd name="connsiteX5" fmla="*/ 1309861 w 1870175"/>
                    <a:gd name="connsiteY5" fmla="*/ 1153184 h 3710679"/>
                    <a:gd name="connsiteX6" fmla="*/ 1281286 w 1870175"/>
                    <a:gd name="connsiteY6" fmla="*/ 3482047 h 3710679"/>
                    <a:gd name="connsiteX7" fmla="*/ 938386 w 1870175"/>
                    <a:gd name="connsiteY7" fmla="*/ 3467759 h 3710679"/>
                    <a:gd name="connsiteX8" fmla="*/ 924098 w 1870175"/>
                    <a:gd name="connsiteY8" fmla="*/ 2224747 h 3710679"/>
                    <a:gd name="connsiteX9" fmla="*/ 924098 w 1870175"/>
                    <a:gd name="connsiteY9" fmla="*/ 3539197 h 3710679"/>
                    <a:gd name="connsiteX10" fmla="*/ 595486 w 1870175"/>
                    <a:gd name="connsiteY10" fmla="*/ 3439184 h 3710679"/>
                    <a:gd name="connsiteX11" fmla="*/ 609773 w 1870175"/>
                    <a:gd name="connsiteY11" fmla="*/ 1210334 h 3710679"/>
                    <a:gd name="connsiteX12" fmla="*/ 9698 w 1870175"/>
                    <a:gd name="connsiteY12" fmla="*/ 138772 h 3710679"/>
                    <a:gd name="connsiteX13" fmla="*/ 295448 w 1870175"/>
                    <a:gd name="connsiteY13" fmla="*/ 67334 h 3710679"/>
                    <a:gd name="connsiteX0" fmla="*/ 281161 w 1870175"/>
                    <a:gd name="connsiteY0" fmla="*/ 10184 h 3714089"/>
                    <a:gd name="connsiteX1" fmla="*/ 724073 w 1870175"/>
                    <a:gd name="connsiteY1" fmla="*/ 910297 h 3714089"/>
                    <a:gd name="connsiteX2" fmla="*/ 1138411 w 1870175"/>
                    <a:gd name="connsiteY2" fmla="*/ 953159 h 3714089"/>
                    <a:gd name="connsiteX3" fmla="*/ 1681336 w 1870175"/>
                    <a:gd name="connsiteY3" fmla="*/ 38759 h 3714089"/>
                    <a:gd name="connsiteX4" fmla="*/ 1852786 w 1870175"/>
                    <a:gd name="connsiteY4" fmla="*/ 267359 h 3714089"/>
                    <a:gd name="connsiteX5" fmla="*/ 1309861 w 1870175"/>
                    <a:gd name="connsiteY5" fmla="*/ 1153184 h 3714089"/>
                    <a:gd name="connsiteX6" fmla="*/ 1281286 w 1870175"/>
                    <a:gd name="connsiteY6" fmla="*/ 3496334 h 3714089"/>
                    <a:gd name="connsiteX7" fmla="*/ 938386 w 1870175"/>
                    <a:gd name="connsiteY7" fmla="*/ 3467759 h 3714089"/>
                    <a:gd name="connsiteX8" fmla="*/ 924098 w 1870175"/>
                    <a:gd name="connsiteY8" fmla="*/ 2224747 h 3714089"/>
                    <a:gd name="connsiteX9" fmla="*/ 924098 w 1870175"/>
                    <a:gd name="connsiteY9" fmla="*/ 3539197 h 3714089"/>
                    <a:gd name="connsiteX10" fmla="*/ 595486 w 1870175"/>
                    <a:gd name="connsiteY10" fmla="*/ 3439184 h 3714089"/>
                    <a:gd name="connsiteX11" fmla="*/ 609773 w 1870175"/>
                    <a:gd name="connsiteY11" fmla="*/ 1210334 h 3714089"/>
                    <a:gd name="connsiteX12" fmla="*/ 9698 w 1870175"/>
                    <a:gd name="connsiteY12" fmla="*/ 138772 h 3714089"/>
                    <a:gd name="connsiteX13" fmla="*/ 295448 w 1870175"/>
                    <a:gd name="connsiteY13" fmla="*/ 67334 h 3714089"/>
                    <a:gd name="connsiteX0" fmla="*/ 281161 w 1870175"/>
                    <a:gd name="connsiteY0" fmla="*/ 10184 h 3710679"/>
                    <a:gd name="connsiteX1" fmla="*/ 724073 w 1870175"/>
                    <a:gd name="connsiteY1" fmla="*/ 910297 h 3710679"/>
                    <a:gd name="connsiteX2" fmla="*/ 1138411 w 1870175"/>
                    <a:gd name="connsiteY2" fmla="*/ 953159 h 3710679"/>
                    <a:gd name="connsiteX3" fmla="*/ 1681336 w 1870175"/>
                    <a:gd name="connsiteY3" fmla="*/ 38759 h 3710679"/>
                    <a:gd name="connsiteX4" fmla="*/ 1852786 w 1870175"/>
                    <a:gd name="connsiteY4" fmla="*/ 267359 h 3710679"/>
                    <a:gd name="connsiteX5" fmla="*/ 1309861 w 1870175"/>
                    <a:gd name="connsiteY5" fmla="*/ 1153184 h 3710679"/>
                    <a:gd name="connsiteX6" fmla="*/ 1281286 w 1870175"/>
                    <a:gd name="connsiteY6" fmla="*/ 3496334 h 3710679"/>
                    <a:gd name="connsiteX7" fmla="*/ 938386 w 1870175"/>
                    <a:gd name="connsiteY7" fmla="*/ 3467759 h 3710679"/>
                    <a:gd name="connsiteX8" fmla="*/ 924098 w 1870175"/>
                    <a:gd name="connsiteY8" fmla="*/ 2224747 h 3710679"/>
                    <a:gd name="connsiteX9" fmla="*/ 924098 w 1870175"/>
                    <a:gd name="connsiteY9" fmla="*/ 3539197 h 3710679"/>
                    <a:gd name="connsiteX10" fmla="*/ 595486 w 1870175"/>
                    <a:gd name="connsiteY10" fmla="*/ 3439184 h 3710679"/>
                    <a:gd name="connsiteX11" fmla="*/ 609773 w 1870175"/>
                    <a:gd name="connsiteY11" fmla="*/ 1210334 h 3710679"/>
                    <a:gd name="connsiteX12" fmla="*/ 9698 w 1870175"/>
                    <a:gd name="connsiteY12" fmla="*/ 138772 h 3710679"/>
                    <a:gd name="connsiteX13" fmla="*/ 295448 w 1870175"/>
                    <a:gd name="connsiteY13" fmla="*/ 67334 h 3710679"/>
                    <a:gd name="connsiteX0" fmla="*/ 281161 w 1870175"/>
                    <a:gd name="connsiteY0" fmla="*/ 10184 h 3695136"/>
                    <a:gd name="connsiteX1" fmla="*/ 724073 w 1870175"/>
                    <a:gd name="connsiteY1" fmla="*/ 910297 h 3695136"/>
                    <a:gd name="connsiteX2" fmla="*/ 1138411 w 1870175"/>
                    <a:gd name="connsiteY2" fmla="*/ 953159 h 3695136"/>
                    <a:gd name="connsiteX3" fmla="*/ 1681336 w 1870175"/>
                    <a:gd name="connsiteY3" fmla="*/ 38759 h 3695136"/>
                    <a:gd name="connsiteX4" fmla="*/ 1852786 w 1870175"/>
                    <a:gd name="connsiteY4" fmla="*/ 267359 h 3695136"/>
                    <a:gd name="connsiteX5" fmla="*/ 1309861 w 1870175"/>
                    <a:gd name="connsiteY5" fmla="*/ 1153184 h 3695136"/>
                    <a:gd name="connsiteX6" fmla="*/ 1281286 w 1870175"/>
                    <a:gd name="connsiteY6" fmla="*/ 3496334 h 3695136"/>
                    <a:gd name="connsiteX7" fmla="*/ 938386 w 1870175"/>
                    <a:gd name="connsiteY7" fmla="*/ 3467759 h 3695136"/>
                    <a:gd name="connsiteX8" fmla="*/ 924098 w 1870175"/>
                    <a:gd name="connsiteY8" fmla="*/ 2224747 h 3695136"/>
                    <a:gd name="connsiteX9" fmla="*/ 924098 w 1870175"/>
                    <a:gd name="connsiteY9" fmla="*/ 3539197 h 3695136"/>
                    <a:gd name="connsiteX10" fmla="*/ 595486 w 1870175"/>
                    <a:gd name="connsiteY10" fmla="*/ 3439184 h 3695136"/>
                    <a:gd name="connsiteX11" fmla="*/ 609773 w 1870175"/>
                    <a:gd name="connsiteY11" fmla="*/ 1210334 h 3695136"/>
                    <a:gd name="connsiteX12" fmla="*/ 9698 w 1870175"/>
                    <a:gd name="connsiteY12" fmla="*/ 138772 h 3695136"/>
                    <a:gd name="connsiteX13" fmla="*/ 295448 w 1870175"/>
                    <a:gd name="connsiteY13" fmla="*/ 67334 h 3695136"/>
                    <a:gd name="connsiteX0" fmla="*/ 281161 w 1870175"/>
                    <a:gd name="connsiteY0" fmla="*/ 10184 h 3694199"/>
                    <a:gd name="connsiteX1" fmla="*/ 724073 w 1870175"/>
                    <a:gd name="connsiteY1" fmla="*/ 91029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95536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70175"/>
                    <a:gd name="connsiteY0" fmla="*/ 10184 h 3694199"/>
                    <a:gd name="connsiteX1" fmla="*/ 724073 w 1870175"/>
                    <a:gd name="connsiteY1" fmla="*/ 91029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52674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70175"/>
                    <a:gd name="connsiteY0" fmla="*/ 10184 h 3694199"/>
                    <a:gd name="connsiteX1" fmla="*/ 752648 w 1870175"/>
                    <a:gd name="connsiteY1" fmla="*/ 85314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52674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3912"/>
                    <a:gd name="connsiteY0" fmla="*/ 947 h 3684962"/>
                    <a:gd name="connsiteX1" fmla="*/ 752648 w 1863912"/>
                    <a:gd name="connsiteY1" fmla="*/ 843910 h 3684962"/>
                    <a:gd name="connsiteX2" fmla="*/ 1195561 w 1863912"/>
                    <a:gd name="connsiteY2" fmla="*/ 872484 h 3684962"/>
                    <a:gd name="connsiteX3" fmla="*/ 1638473 w 1863912"/>
                    <a:gd name="connsiteY3" fmla="*/ 129535 h 3684962"/>
                    <a:gd name="connsiteX4" fmla="*/ 1852786 w 1863912"/>
                    <a:gd name="connsiteY4" fmla="*/ 258122 h 3684962"/>
                    <a:gd name="connsiteX5" fmla="*/ 1309861 w 1863912"/>
                    <a:gd name="connsiteY5" fmla="*/ 1143947 h 3684962"/>
                    <a:gd name="connsiteX6" fmla="*/ 1281286 w 1863912"/>
                    <a:gd name="connsiteY6" fmla="*/ 3487097 h 3684962"/>
                    <a:gd name="connsiteX7" fmla="*/ 938386 w 1863912"/>
                    <a:gd name="connsiteY7" fmla="*/ 3458522 h 3684962"/>
                    <a:gd name="connsiteX8" fmla="*/ 952674 w 1863912"/>
                    <a:gd name="connsiteY8" fmla="*/ 2229797 h 3684962"/>
                    <a:gd name="connsiteX9" fmla="*/ 924098 w 1863912"/>
                    <a:gd name="connsiteY9" fmla="*/ 3529960 h 3684962"/>
                    <a:gd name="connsiteX10" fmla="*/ 595486 w 1863912"/>
                    <a:gd name="connsiteY10" fmla="*/ 3429947 h 3684962"/>
                    <a:gd name="connsiteX11" fmla="*/ 609773 w 1863912"/>
                    <a:gd name="connsiteY11" fmla="*/ 1201097 h 3684962"/>
                    <a:gd name="connsiteX12" fmla="*/ 9698 w 1863912"/>
                    <a:gd name="connsiteY12" fmla="*/ 129535 h 3684962"/>
                    <a:gd name="connsiteX13" fmla="*/ 295448 w 1863912"/>
                    <a:gd name="connsiteY13" fmla="*/ 58097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242888 w 1863912"/>
                    <a:gd name="connsiteY13" fmla="*/ 28466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42950 w 1863912"/>
                    <a:gd name="connsiteY13" fmla="*/ 871429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42950 w 1863912"/>
                    <a:gd name="connsiteY13" fmla="*/ 871429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71525 w 1863912"/>
                    <a:gd name="connsiteY13" fmla="*/ 842854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857250 w 1863912"/>
                    <a:gd name="connsiteY13" fmla="*/ 742842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57237 w 1863912"/>
                    <a:gd name="connsiteY13" fmla="*/ 857142 h 3684962"/>
                    <a:gd name="connsiteX0" fmla="*/ 752083 w 1863347"/>
                    <a:gd name="connsiteY0" fmla="*/ 872680 h 3713732"/>
                    <a:gd name="connsiteX1" fmla="*/ 1194996 w 1863347"/>
                    <a:gd name="connsiteY1" fmla="*/ 901254 h 3713732"/>
                    <a:gd name="connsiteX2" fmla="*/ 1637908 w 1863347"/>
                    <a:gd name="connsiteY2" fmla="*/ 158305 h 3713732"/>
                    <a:gd name="connsiteX3" fmla="*/ 1852221 w 1863347"/>
                    <a:gd name="connsiteY3" fmla="*/ 286892 h 3713732"/>
                    <a:gd name="connsiteX4" fmla="*/ 1309296 w 1863347"/>
                    <a:gd name="connsiteY4" fmla="*/ 1172717 h 3713732"/>
                    <a:gd name="connsiteX5" fmla="*/ 1280721 w 1863347"/>
                    <a:gd name="connsiteY5" fmla="*/ 3515867 h 3713732"/>
                    <a:gd name="connsiteX6" fmla="*/ 937821 w 1863347"/>
                    <a:gd name="connsiteY6" fmla="*/ 3487292 h 3713732"/>
                    <a:gd name="connsiteX7" fmla="*/ 952109 w 1863347"/>
                    <a:gd name="connsiteY7" fmla="*/ 2258567 h 3713732"/>
                    <a:gd name="connsiteX8" fmla="*/ 923533 w 1863347"/>
                    <a:gd name="connsiteY8" fmla="*/ 3558730 h 3713732"/>
                    <a:gd name="connsiteX9" fmla="*/ 594921 w 1863347"/>
                    <a:gd name="connsiteY9" fmla="*/ 3458717 h 3713732"/>
                    <a:gd name="connsiteX10" fmla="*/ 609208 w 1863347"/>
                    <a:gd name="connsiteY10" fmla="*/ 1229867 h 3713732"/>
                    <a:gd name="connsiteX11" fmla="*/ 9133 w 1863347"/>
                    <a:gd name="connsiteY11" fmla="*/ 158305 h 3713732"/>
                    <a:gd name="connsiteX12" fmla="*/ 294883 w 1863347"/>
                    <a:gd name="connsiteY12" fmla="*/ 86867 h 3713732"/>
                    <a:gd name="connsiteX13" fmla="*/ 756672 w 1863347"/>
                    <a:gd name="connsiteY13" fmla="*/ 885912 h 3713732"/>
                    <a:gd name="connsiteX0" fmla="*/ 752083 w 1639561"/>
                    <a:gd name="connsiteY0" fmla="*/ 872680 h 3713732"/>
                    <a:gd name="connsiteX1" fmla="*/ 1194996 w 1639561"/>
                    <a:gd name="connsiteY1" fmla="*/ 901254 h 3713732"/>
                    <a:gd name="connsiteX2" fmla="*/ 1637908 w 1639561"/>
                    <a:gd name="connsiteY2" fmla="*/ 158305 h 3713732"/>
                    <a:gd name="connsiteX3" fmla="*/ 1344329 w 1639561"/>
                    <a:gd name="connsiteY3" fmla="*/ 2847304 h 3713732"/>
                    <a:gd name="connsiteX4" fmla="*/ 1309296 w 1639561"/>
                    <a:gd name="connsiteY4" fmla="*/ 1172717 h 3713732"/>
                    <a:gd name="connsiteX5" fmla="*/ 1280721 w 1639561"/>
                    <a:gd name="connsiteY5" fmla="*/ 3515867 h 3713732"/>
                    <a:gd name="connsiteX6" fmla="*/ 937821 w 1639561"/>
                    <a:gd name="connsiteY6" fmla="*/ 3487292 h 3713732"/>
                    <a:gd name="connsiteX7" fmla="*/ 952109 w 1639561"/>
                    <a:gd name="connsiteY7" fmla="*/ 2258567 h 3713732"/>
                    <a:gd name="connsiteX8" fmla="*/ 923533 w 1639561"/>
                    <a:gd name="connsiteY8" fmla="*/ 3558730 h 3713732"/>
                    <a:gd name="connsiteX9" fmla="*/ 594921 w 1639561"/>
                    <a:gd name="connsiteY9" fmla="*/ 3458717 h 3713732"/>
                    <a:gd name="connsiteX10" fmla="*/ 609208 w 1639561"/>
                    <a:gd name="connsiteY10" fmla="*/ 1229867 h 3713732"/>
                    <a:gd name="connsiteX11" fmla="*/ 9133 w 1639561"/>
                    <a:gd name="connsiteY11" fmla="*/ 158305 h 3713732"/>
                    <a:gd name="connsiteX12" fmla="*/ 294883 w 1639561"/>
                    <a:gd name="connsiteY12" fmla="*/ 86867 h 3713732"/>
                    <a:gd name="connsiteX13" fmla="*/ 756672 w 1639561"/>
                    <a:gd name="connsiteY13" fmla="*/ 885912 h 3713732"/>
                    <a:gd name="connsiteX0" fmla="*/ 752083 w 1580163"/>
                    <a:gd name="connsiteY0" fmla="*/ 872680 h 3713732"/>
                    <a:gd name="connsiteX1" fmla="*/ 1194996 w 1580163"/>
                    <a:gd name="connsiteY1" fmla="*/ 901254 h 3713732"/>
                    <a:gd name="connsiteX2" fmla="*/ 1578155 w 1580163"/>
                    <a:gd name="connsiteY2" fmla="*/ 1468283 h 3713732"/>
                    <a:gd name="connsiteX3" fmla="*/ 1344329 w 1580163"/>
                    <a:gd name="connsiteY3" fmla="*/ 2847304 h 3713732"/>
                    <a:gd name="connsiteX4" fmla="*/ 1309296 w 1580163"/>
                    <a:gd name="connsiteY4" fmla="*/ 1172717 h 3713732"/>
                    <a:gd name="connsiteX5" fmla="*/ 1280721 w 1580163"/>
                    <a:gd name="connsiteY5" fmla="*/ 3515867 h 3713732"/>
                    <a:gd name="connsiteX6" fmla="*/ 937821 w 1580163"/>
                    <a:gd name="connsiteY6" fmla="*/ 3487292 h 3713732"/>
                    <a:gd name="connsiteX7" fmla="*/ 952109 w 1580163"/>
                    <a:gd name="connsiteY7" fmla="*/ 2258567 h 3713732"/>
                    <a:gd name="connsiteX8" fmla="*/ 923533 w 1580163"/>
                    <a:gd name="connsiteY8" fmla="*/ 3558730 h 3713732"/>
                    <a:gd name="connsiteX9" fmla="*/ 594921 w 1580163"/>
                    <a:gd name="connsiteY9" fmla="*/ 3458717 h 3713732"/>
                    <a:gd name="connsiteX10" fmla="*/ 609208 w 1580163"/>
                    <a:gd name="connsiteY10" fmla="*/ 1229867 h 3713732"/>
                    <a:gd name="connsiteX11" fmla="*/ 9133 w 1580163"/>
                    <a:gd name="connsiteY11" fmla="*/ 158305 h 3713732"/>
                    <a:gd name="connsiteX12" fmla="*/ 294883 w 1580163"/>
                    <a:gd name="connsiteY12" fmla="*/ 86867 h 3713732"/>
                    <a:gd name="connsiteX13" fmla="*/ 756672 w 1580163"/>
                    <a:gd name="connsiteY13" fmla="*/ 885912 h 3713732"/>
                    <a:gd name="connsiteX0" fmla="*/ 752083 w 2094644"/>
                    <a:gd name="connsiteY0" fmla="*/ 872680 h 3713732"/>
                    <a:gd name="connsiteX1" fmla="*/ 1194996 w 2094644"/>
                    <a:gd name="connsiteY1" fmla="*/ 901254 h 3713732"/>
                    <a:gd name="connsiteX2" fmla="*/ 1578155 w 2094644"/>
                    <a:gd name="connsiteY2" fmla="*/ 1468283 h 3713732"/>
                    <a:gd name="connsiteX3" fmla="*/ 2091231 w 2094644"/>
                    <a:gd name="connsiteY3" fmla="*/ 2787762 h 3713732"/>
                    <a:gd name="connsiteX4" fmla="*/ 1309296 w 2094644"/>
                    <a:gd name="connsiteY4" fmla="*/ 1172717 h 3713732"/>
                    <a:gd name="connsiteX5" fmla="*/ 1280721 w 2094644"/>
                    <a:gd name="connsiteY5" fmla="*/ 3515867 h 3713732"/>
                    <a:gd name="connsiteX6" fmla="*/ 937821 w 2094644"/>
                    <a:gd name="connsiteY6" fmla="*/ 3487292 h 3713732"/>
                    <a:gd name="connsiteX7" fmla="*/ 952109 w 2094644"/>
                    <a:gd name="connsiteY7" fmla="*/ 2258567 h 3713732"/>
                    <a:gd name="connsiteX8" fmla="*/ 923533 w 2094644"/>
                    <a:gd name="connsiteY8" fmla="*/ 3558730 h 3713732"/>
                    <a:gd name="connsiteX9" fmla="*/ 594921 w 2094644"/>
                    <a:gd name="connsiteY9" fmla="*/ 3458717 h 3713732"/>
                    <a:gd name="connsiteX10" fmla="*/ 609208 w 2094644"/>
                    <a:gd name="connsiteY10" fmla="*/ 1229867 h 3713732"/>
                    <a:gd name="connsiteX11" fmla="*/ 9133 w 2094644"/>
                    <a:gd name="connsiteY11" fmla="*/ 158305 h 3713732"/>
                    <a:gd name="connsiteX12" fmla="*/ 294883 w 2094644"/>
                    <a:gd name="connsiteY12" fmla="*/ 86867 h 3713732"/>
                    <a:gd name="connsiteX13" fmla="*/ 756672 w 2094644"/>
                    <a:gd name="connsiteY13" fmla="*/ 885912 h 3713732"/>
                    <a:gd name="connsiteX0" fmla="*/ 752083 w 1771469"/>
                    <a:gd name="connsiteY0" fmla="*/ 872680 h 3713732"/>
                    <a:gd name="connsiteX1" fmla="*/ 1194996 w 1771469"/>
                    <a:gd name="connsiteY1" fmla="*/ 901254 h 3713732"/>
                    <a:gd name="connsiteX2" fmla="*/ 1578155 w 1771469"/>
                    <a:gd name="connsiteY2" fmla="*/ 1468283 h 3713732"/>
                    <a:gd name="connsiteX3" fmla="*/ 1762593 w 1771469"/>
                    <a:gd name="connsiteY3" fmla="*/ 3323662 h 3713732"/>
                    <a:gd name="connsiteX4" fmla="*/ 1309296 w 1771469"/>
                    <a:gd name="connsiteY4" fmla="*/ 1172717 h 3713732"/>
                    <a:gd name="connsiteX5" fmla="*/ 1280721 w 1771469"/>
                    <a:gd name="connsiteY5" fmla="*/ 3515867 h 3713732"/>
                    <a:gd name="connsiteX6" fmla="*/ 937821 w 1771469"/>
                    <a:gd name="connsiteY6" fmla="*/ 3487292 h 3713732"/>
                    <a:gd name="connsiteX7" fmla="*/ 952109 w 1771469"/>
                    <a:gd name="connsiteY7" fmla="*/ 2258567 h 3713732"/>
                    <a:gd name="connsiteX8" fmla="*/ 923533 w 1771469"/>
                    <a:gd name="connsiteY8" fmla="*/ 3558730 h 3713732"/>
                    <a:gd name="connsiteX9" fmla="*/ 594921 w 1771469"/>
                    <a:gd name="connsiteY9" fmla="*/ 3458717 h 3713732"/>
                    <a:gd name="connsiteX10" fmla="*/ 609208 w 1771469"/>
                    <a:gd name="connsiteY10" fmla="*/ 1229867 h 3713732"/>
                    <a:gd name="connsiteX11" fmla="*/ 9133 w 1771469"/>
                    <a:gd name="connsiteY11" fmla="*/ 158305 h 3713732"/>
                    <a:gd name="connsiteX12" fmla="*/ 294883 w 1771469"/>
                    <a:gd name="connsiteY12" fmla="*/ 86867 h 3713732"/>
                    <a:gd name="connsiteX13" fmla="*/ 756672 w 1771469"/>
                    <a:gd name="connsiteY13" fmla="*/ 885912 h 3713732"/>
                    <a:gd name="connsiteX0" fmla="*/ 752083 w 1762925"/>
                    <a:gd name="connsiteY0" fmla="*/ 872680 h 3713732"/>
                    <a:gd name="connsiteX1" fmla="*/ 1194996 w 1762925"/>
                    <a:gd name="connsiteY1" fmla="*/ 901254 h 3713732"/>
                    <a:gd name="connsiteX2" fmla="*/ 1578155 w 1762925"/>
                    <a:gd name="connsiteY2" fmla="*/ 1468283 h 3713732"/>
                    <a:gd name="connsiteX3" fmla="*/ 1762593 w 1762925"/>
                    <a:gd name="connsiteY3" fmla="*/ 3323662 h 3713732"/>
                    <a:gd name="connsiteX4" fmla="*/ 1537787 w 1762925"/>
                    <a:gd name="connsiteY4" fmla="*/ 2110476 h 3713732"/>
                    <a:gd name="connsiteX5" fmla="*/ 1309296 w 1762925"/>
                    <a:gd name="connsiteY5" fmla="*/ 1172717 h 3713732"/>
                    <a:gd name="connsiteX6" fmla="*/ 1280721 w 1762925"/>
                    <a:gd name="connsiteY6" fmla="*/ 3515867 h 3713732"/>
                    <a:gd name="connsiteX7" fmla="*/ 937821 w 1762925"/>
                    <a:gd name="connsiteY7" fmla="*/ 3487292 h 3713732"/>
                    <a:gd name="connsiteX8" fmla="*/ 952109 w 1762925"/>
                    <a:gd name="connsiteY8" fmla="*/ 2258567 h 3713732"/>
                    <a:gd name="connsiteX9" fmla="*/ 923533 w 1762925"/>
                    <a:gd name="connsiteY9" fmla="*/ 3558730 h 3713732"/>
                    <a:gd name="connsiteX10" fmla="*/ 594921 w 1762925"/>
                    <a:gd name="connsiteY10" fmla="*/ 3458717 h 3713732"/>
                    <a:gd name="connsiteX11" fmla="*/ 609208 w 1762925"/>
                    <a:gd name="connsiteY11" fmla="*/ 1229867 h 3713732"/>
                    <a:gd name="connsiteX12" fmla="*/ 9133 w 1762925"/>
                    <a:gd name="connsiteY12" fmla="*/ 158305 h 3713732"/>
                    <a:gd name="connsiteX13" fmla="*/ 294883 w 1762925"/>
                    <a:gd name="connsiteY13" fmla="*/ 86867 h 3713732"/>
                    <a:gd name="connsiteX14" fmla="*/ 756672 w 1762925"/>
                    <a:gd name="connsiteY14" fmla="*/ 885912 h 3713732"/>
                    <a:gd name="connsiteX0" fmla="*/ 752083 w 1765323"/>
                    <a:gd name="connsiteY0" fmla="*/ 872680 h 3713732"/>
                    <a:gd name="connsiteX1" fmla="*/ 1194996 w 1765323"/>
                    <a:gd name="connsiteY1" fmla="*/ 901254 h 3713732"/>
                    <a:gd name="connsiteX2" fmla="*/ 1578155 w 1765323"/>
                    <a:gd name="connsiteY2" fmla="*/ 1468283 h 3713732"/>
                    <a:gd name="connsiteX3" fmla="*/ 1762593 w 1765323"/>
                    <a:gd name="connsiteY3" fmla="*/ 3323662 h 3713732"/>
                    <a:gd name="connsiteX4" fmla="*/ 1448158 w 1765323"/>
                    <a:gd name="connsiteY4" fmla="*/ 2170023 h 3713732"/>
                    <a:gd name="connsiteX5" fmla="*/ 1309296 w 1765323"/>
                    <a:gd name="connsiteY5" fmla="*/ 1172717 h 3713732"/>
                    <a:gd name="connsiteX6" fmla="*/ 1280721 w 1765323"/>
                    <a:gd name="connsiteY6" fmla="*/ 3515867 h 3713732"/>
                    <a:gd name="connsiteX7" fmla="*/ 937821 w 1765323"/>
                    <a:gd name="connsiteY7" fmla="*/ 3487292 h 3713732"/>
                    <a:gd name="connsiteX8" fmla="*/ 952109 w 1765323"/>
                    <a:gd name="connsiteY8" fmla="*/ 2258567 h 3713732"/>
                    <a:gd name="connsiteX9" fmla="*/ 923533 w 1765323"/>
                    <a:gd name="connsiteY9" fmla="*/ 3558730 h 3713732"/>
                    <a:gd name="connsiteX10" fmla="*/ 594921 w 1765323"/>
                    <a:gd name="connsiteY10" fmla="*/ 3458717 h 3713732"/>
                    <a:gd name="connsiteX11" fmla="*/ 609208 w 1765323"/>
                    <a:gd name="connsiteY11" fmla="*/ 1229867 h 3713732"/>
                    <a:gd name="connsiteX12" fmla="*/ 9133 w 1765323"/>
                    <a:gd name="connsiteY12" fmla="*/ 158305 h 3713732"/>
                    <a:gd name="connsiteX13" fmla="*/ 294883 w 1765323"/>
                    <a:gd name="connsiteY13" fmla="*/ 86867 h 3713732"/>
                    <a:gd name="connsiteX14" fmla="*/ 756672 w 1765323"/>
                    <a:gd name="connsiteY14" fmla="*/ 885912 h 3713732"/>
                    <a:gd name="connsiteX0" fmla="*/ 752083 w 1582466"/>
                    <a:gd name="connsiteY0" fmla="*/ 872680 h 3713732"/>
                    <a:gd name="connsiteX1" fmla="*/ 1194996 w 1582466"/>
                    <a:gd name="connsiteY1" fmla="*/ 901254 h 3713732"/>
                    <a:gd name="connsiteX2" fmla="*/ 1578155 w 1582466"/>
                    <a:gd name="connsiteY2" fmla="*/ 1468283 h 3713732"/>
                    <a:gd name="connsiteX3" fmla="*/ 1404079 w 1582466"/>
                    <a:gd name="connsiteY3" fmla="*/ 2847304 h 3713732"/>
                    <a:gd name="connsiteX4" fmla="*/ 1448158 w 1582466"/>
                    <a:gd name="connsiteY4" fmla="*/ 2170023 h 3713732"/>
                    <a:gd name="connsiteX5" fmla="*/ 1309296 w 1582466"/>
                    <a:gd name="connsiteY5" fmla="*/ 1172717 h 3713732"/>
                    <a:gd name="connsiteX6" fmla="*/ 1280721 w 1582466"/>
                    <a:gd name="connsiteY6" fmla="*/ 3515867 h 3713732"/>
                    <a:gd name="connsiteX7" fmla="*/ 937821 w 1582466"/>
                    <a:gd name="connsiteY7" fmla="*/ 3487292 h 3713732"/>
                    <a:gd name="connsiteX8" fmla="*/ 952109 w 1582466"/>
                    <a:gd name="connsiteY8" fmla="*/ 2258567 h 3713732"/>
                    <a:gd name="connsiteX9" fmla="*/ 923533 w 1582466"/>
                    <a:gd name="connsiteY9" fmla="*/ 3558730 h 3713732"/>
                    <a:gd name="connsiteX10" fmla="*/ 594921 w 1582466"/>
                    <a:gd name="connsiteY10" fmla="*/ 3458717 h 3713732"/>
                    <a:gd name="connsiteX11" fmla="*/ 609208 w 1582466"/>
                    <a:gd name="connsiteY11" fmla="*/ 1229867 h 3713732"/>
                    <a:gd name="connsiteX12" fmla="*/ 9133 w 1582466"/>
                    <a:gd name="connsiteY12" fmla="*/ 158305 h 3713732"/>
                    <a:gd name="connsiteX13" fmla="*/ 294883 w 1582466"/>
                    <a:gd name="connsiteY13" fmla="*/ 86867 h 3713732"/>
                    <a:gd name="connsiteX14" fmla="*/ 756672 w 1582466"/>
                    <a:gd name="connsiteY14" fmla="*/ 885912 h 3713732"/>
                    <a:gd name="connsiteX0" fmla="*/ 752083 w 1582779"/>
                    <a:gd name="connsiteY0" fmla="*/ 872680 h 3713732"/>
                    <a:gd name="connsiteX1" fmla="*/ 1194996 w 1582779"/>
                    <a:gd name="connsiteY1" fmla="*/ 901254 h 3713732"/>
                    <a:gd name="connsiteX2" fmla="*/ 1578155 w 1582779"/>
                    <a:gd name="connsiteY2" fmla="*/ 1468283 h 3713732"/>
                    <a:gd name="connsiteX3" fmla="*/ 1404079 w 1582779"/>
                    <a:gd name="connsiteY3" fmla="*/ 2847304 h 3713732"/>
                    <a:gd name="connsiteX4" fmla="*/ 1358529 w 1582779"/>
                    <a:gd name="connsiteY4" fmla="*/ 1872299 h 3713732"/>
                    <a:gd name="connsiteX5" fmla="*/ 1309296 w 1582779"/>
                    <a:gd name="connsiteY5" fmla="*/ 1172717 h 3713732"/>
                    <a:gd name="connsiteX6" fmla="*/ 1280721 w 1582779"/>
                    <a:gd name="connsiteY6" fmla="*/ 3515867 h 3713732"/>
                    <a:gd name="connsiteX7" fmla="*/ 937821 w 1582779"/>
                    <a:gd name="connsiteY7" fmla="*/ 3487292 h 3713732"/>
                    <a:gd name="connsiteX8" fmla="*/ 952109 w 1582779"/>
                    <a:gd name="connsiteY8" fmla="*/ 2258567 h 3713732"/>
                    <a:gd name="connsiteX9" fmla="*/ 923533 w 1582779"/>
                    <a:gd name="connsiteY9" fmla="*/ 3558730 h 3713732"/>
                    <a:gd name="connsiteX10" fmla="*/ 594921 w 1582779"/>
                    <a:gd name="connsiteY10" fmla="*/ 3458717 h 3713732"/>
                    <a:gd name="connsiteX11" fmla="*/ 609208 w 1582779"/>
                    <a:gd name="connsiteY11" fmla="*/ 1229867 h 3713732"/>
                    <a:gd name="connsiteX12" fmla="*/ 9133 w 1582779"/>
                    <a:gd name="connsiteY12" fmla="*/ 158305 h 3713732"/>
                    <a:gd name="connsiteX13" fmla="*/ 294883 w 1582779"/>
                    <a:gd name="connsiteY13" fmla="*/ 86867 h 3713732"/>
                    <a:gd name="connsiteX14" fmla="*/ 756672 w 1582779"/>
                    <a:gd name="connsiteY14" fmla="*/ 885912 h 3713732"/>
                    <a:gd name="connsiteX0" fmla="*/ 752083 w 1612136"/>
                    <a:gd name="connsiteY0" fmla="*/ 872680 h 3713732"/>
                    <a:gd name="connsiteX1" fmla="*/ 1194996 w 1612136"/>
                    <a:gd name="connsiteY1" fmla="*/ 901254 h 3713732"/>
                    <a:gd name="connsiteX2" fmla="*/ 1608031 w 1612136"/>
                    <a:gd name="connsiteY2" fmla="*/ 1825548 h 3713732"/>
                    <a:gd name="connsiteX3" fmla="*/ 1404079 w 1612136"/>
                    <a:gd name="connsiteY3" fmla="*/ 2847304 h 3713732"/>
                    <a:gd name="connsiteX4" fmla="*/ 1358529 w 1612136"/>
                    <a:gd name="connsiteY4" fmla="*/ 1872299 h 3713732"/>
                    <a:gd name="connsiteX5" fmla="*/ 1309296 w 1612136"/>
                    <a:gd name="connsiteY5" fmla="*/ 1172717 h 3713732"/>
                    <a:gd name="connsiteX6" fmla="*/ 1280721 w 1612136"/>
                    <a:gd name="connsiteY6" fmla="*/ 3515867 h 3713732"/>
                    <a:gd name="connsiteX7" fmla="*/ 937821 w 1612136"/>
                    <a:gd name="connsiteY7" fmla="*/ 3487292 h 3713732"/>
                    <a:gd name="connsiteX8" fmla="*/ 952109 w 1612136"/>
                    <a:gd name="connsiteY8" fmla="*/ 2258567 h 3713732"/>
                    <a:gd name="connsiteX9" fmla="*/ 923533 w 1612136"/>
                    <a:gd name="connsiteY9" fmla="*/ 3558730 h 3713732"/>
                    <a:gd name="connsiteX10" fmla="*/ 594921 w 1612136"/>
                    <a:gd name="connsiteY10" fmla="*/ 3458717 h 3713732"/>
                    <a:gd name="connsiteX11" fmla="*/ 609208 w 1612136"/>
                    <a:gd name="connsiteY11" fmla="*/ 1229867 h 3713732"/>
                    <a:gd name="connsiteX12" fmla="*/ 9133 w 1612136"/>
                    <a:gd name="connsiteY12" fmla="*/ 158305 h 3713732"/>
                    <a:gd name="connsiteX13" fmla="*/ 294883 w 1612136"/>
                    <a:gd name="connsiteY13" fmla="*/ 86867 h 3713732"/>
                    <a:gd name="connsiteX14" fmla="*/ 756672 w 1612136"/>
                    <a:gd name="connsiteY14" fmla="*/ 885912 h 3713732"/>
                    <a:gd name="connsiteX0" fmla="*/ 752083 w 1618536"/>
                    <a:gd name="connsiteY0" fmla="*/ 872680 h 3713732"/>
                    <a:gd name="connsiteX1" fmla="*/ 1194996 w 1618536"/>
                    <a:gd name="connsiteY1" fmla="*/ 901254 h 3713732"/>
                    <a:gd name="connsiteX2" fmla="*/ 1608031 w 1618536"/>
                    <a:gd name="connsiteY2" fmla="*/ 1825548 h 3713732"/>
                    <a:gd name="connsiteX3" fmla="*/ 1404079 w 1618536"/>
                    <a:gd name="connsiteY3" fmla="*/ 2847304 h 3713732"/>
                    <a:gd name="connsiteX4" fmla="*/ 1358529 w 1618536"/>
                    <a:gd name="connsiteY4" fmla="*/ 1872299 h 3713732"/>
                    <a:gd name="connsiteX5" fmla="*/ 1309296 w 1618536"/>
                    <a:gd name="connsiteY5" fmla="*/ 1172717 h 3713732"/>
                    <a:gd name="connsiteX6" fmla="*/ 1280721 w 1618536"/>
                    <a:gd name="connsiteY6" fmla="*/ 3515867 h 3713732"/>
                    <a:gd name="connsiteX7" fmla="*/ 937821 w 1618536"/>
                    <a:gd name="connsiteY7" fmla="*/ 3487292 h 3713732"/>
                    <a:gd name="connsiteX8" fmla="*/ 952109 w 1618536"/>
                    <a:gd name="connsiteY8" fmla="*/ 2258567 h 3713732"/>
                    <a:gd name="connsiteX9" fmla="*/ 923533 w 1618536"/>
                    <a:gd name="connsiteY9" fmla="*/ 3558730 h 3713732"/>
                    <a:gd name="connsiteX10" fmla="*/ 594921 w 1618536"/>
                    <a:gd name="connsiteY10" fmla="*/ 3458717 h 3713732"/>
                    <a:gd name="connsiteX11" fmla="*/ 609208 w 1618536"/>
                    <a:gd name="connsiteY11" fmla="*/ 1229867 h 3713732"/>
                    <a:gd name="connsiteX12" fmla="*/ 9133 w 1618536"/>
                    <a:gd name="connsiteY12" fmla="*/ 158305 h 3713732"/>
                    <a:gd name="connsiteX13" fmla="*/ 294883 w 1618536"/>
                    <a:gd name="connsiteY13" fmla="*/ 86867 h 3713732"/>
                    <a:gd name="connsiteX14" fmla="*/ 756672 w 1618536"/>
                    <a:gd name="connsiteY14" fmla="*/ 885912 h 3713732"/>
                    <a:gd name="connsiteX0" fmla="*/ 752083 w 1618537"/>
                    <a:gd name="connsiteY0" fmla="*/ 872680 h 3713732"/>
                    <a:gd name="connsiteX1" fmla="*/ 1194996 w 1618537"/>
                    <a:gd name="connsiteY1" fmla="*/ 901254 h 3713732"/>
                    <a:gd name="connsiteX2" fmla="*/ 1608031 w 1618537"/>
                    <a:gd name="connsiteY2" fmla="*/ 1825548 h 3713732"/>
                    <a:gd name="connsiteX3" fmla="*/ 1404079 w 1618537"/>
                    <a:gd name="connsiteY3" fmla="*/ 2847304 h 3713732"/>
                    <a:gd name="connsiteX4" fmla="*/ 1358529 w 1618537"/>
                    <a:gd name="connsiteY4" fmla="*/ 1872299 h 3713732"/>
                    <a:gd name="connsiteX5" fmla="*/ 1295141 w 1618537"/>
                    <a:gd name="connsiteY5" fmla="*/ 1501130 h 3713732"/>
                    <a:gd name="connsiteX6" fmla="*/ 1280721 w 1618537"/>
                    <a:gd name="connsiteY6" fmla="*/ 3515867 h 3713732"/>
                    <a:gd name="connsiteX7" fmla="*/ 937821 w 1618537"/>
                    <a:gd name="connsiteY7" fmla="*/ 3487292 h 3713732"/>
                    <a:gd name="connsiteX8" fmla="*/ 952109 w 1618537"/>
                    <a:gd name="connsiteY8" fmla="*/ 2258567 h 3713732"/>
                    <a:gd name="connsiteX9" fmla="*/ 923533 w 1618537"/>
                    <a:gd name="connsiteY9" fmla="*/ 3558730 h 3713732"/>
                    <a:gd name="connsiteX10" fmla="*/ 594921 w 1618537"/>
                    <a:gd name="connsiteY10" fmla="*/ 3458717 h 3713732"/>
                    <a:gd name="connsiteX11" fmla="*/ 609208 w 1618537"/>
                    <a:gd name="connsiteY11" fmla="*/ 1229867 h 3713732"/>
                    <a:gd name="connsiteX12" fmla="*/ 9133 w 1618537"/>
                    <a:gd name="connsiteY12" fmla="*/ 158305 h 3713732"/>
                    <a:gd name="connsiteX13" fmla="*/ 294883 w 1618537"/>
                    <a:gd name="connsiteY13" fmla="*/ 86867 h 3713732"/>
                    <a:gd name="connsiteX14" fmla="*/ 756672 w 1618537"/>
                    <a:gd name="connsiteY14" fmla="*/ 885912 h 3713732"/>
                    <a:gd name="connsiteX0" fmla="*/ 752083 w 1611791"/>
                    <a:gd name="connsiteY0" fmla="*/ 872680 h 3713732"/>
                    <a:gd name="connsiteX1" fmla="*/ 1308237 w 1611791"/>
                    <a:gd name="connsiteY1" fmla="*/ 997846 h 3713732"/>
                    <a:gd name="connsiteX2" fmla="*/ 1608031 w 1611791"/>
                    <a:gd name="connsiteY2" fmla="*/ 1825548 h 3713732"/>
                    <a:gd name="connsiteX3" fmla="*/ 1404079 w 1611791"/>
                    <a:gd name="connsiteY3" fmla="*/ 2847304 h 3713732"/>
                    <a:gd name="connsiteX4" fmla="*/ 1358529 w 1611791"/>
                    <a:gd name="connsiteY4" fmla="*/ 1872299 h 3713732"/>
                    <a:gd name="connsiteX5" fmla="*/ 1295141 w 1611791"/>
                    <a:gd name="connsiteY5" fmla="*/ 1501130 h 3713732"/>
                    <a:gd name="connsiteX6" fmla="*/ 1280721 w 1611791"/>
                    <a:gd name="connsiteY6" fmla="*/ 3515867 h 3713732"/>
                    <a:gd name="connsiteX7" fmla="*/ 937821 w 1611791"/>
                    <a:gd name="connsiteY7" fmla="*/ 3487292 h 3713732"/>
                    <a:gd name="connsiteX8" fmla="*/ 952109 w 1611791"/>
                    <a:gd name="connsiteY8" fmla="*/ 2258567 h 3713732"/>
                    <a:gd name="connsiteX9" fmla="*/ 923533 w 1611791"/>
                    <a:gd name="connsiteY9" fmla="*/ 3558730 h 3713732"/>
                    <a:gd name="connsiteX10" fmla="*/ 594921 w 1611791"/>
                    <a:gd name="connsiteY10" fmla="*/ 3458717 h 3713732"/>
                    <a:gd name="connsiteX11" fmla="*/ 609208 w 1611791"/>
                    <a:gd name="connsiteY11" fmla="*/ 1229867 h 3713732"/>
                    <a:gd name="connsiteX12" fmla="*/ 9133 w 1611791"/>
                    <a:gd name="connsiteY12" fmla="*/ 158305 h 3713732"/>
                    <a:gd name="connsiteX13" fmla="*/ 294883 w 1611791"/>
                    <a:gd name="connsiteY13" fmla="*/ 86867 h 3713732"/>
                    <a:gd name="connsiteX14" fmla="*/ 756672 w 1611791"/>
                    <a:gd name="connsiteY14" fmla="*/ 885912 h 3713732"/>
                    <a:gd name="connsiteX0" fmla="*/ 497308 w 1357016"/>
                    <a:gd name="connsiteY0" fmla="*/ 790697 h 3631749"/>
                    <a:gd name="connsiteX1" fmla="*/ 1053462 w 1357016"/>
                    <a:gd name="connsiteY1" fmla="*/ 915863 h 3631749"/>
                    <a:gd name="connsiteX2" fmla="*/ 1353256 w 1357016"/>
                    <a:gd name="connsiteY2" fmla="*/ 1743565 h 3631749"/>
                    <a:gd name="connsiteX3" fmla="*/ 1149304 w 1357016"/>
                    <a:gd name="connsiteY3" fmla="*/ 2765321 h 3631749"/>
                    <a:gd name="connsiteX4" fmla="*/ 1103754 w 1357016"/>
                    <a:gd name="connsiteY4" fmla="*/ 1790316 h 3631749"/>
                    <a:gd name="connsiteX5" fmla="*/ 1040366 w 1357016"/>
                    <a:gd name="connsiteY5" fmla="*/ 1419147 h 3631749"/>
                    <a:gd name="connsiteX6" fmla="*/ 1025946 w 1357016"/>
                    <a:gd name="connsiteY6" fmla="*/ 3433884 h 3631749"/>
                    <a:gd name="connsiteX7" fmla="*/ 683046 w 1357016"/>
                    <a:gd name="connsiteY7" fmla="*/ 3405309 h 3631749"/>
                    <a:gd name="connsiteX8" fmla="*/ 697334 w 1357016"/>
                    <a:gd name="connsiteY8" fmla="*/ 2176584 h 3631749"/>
                    <a:gd name="connsiteX9" fmla="*/ 668758 w 1357016"/>
                    <a:gd name="connsiteY9" fmla="*/ 3476747 h 3631749"/>
                    <a:gd name="connsiteX10" fmla="*/ 340146 w 1357016"/>
                    <a:gd name="connsiteY10" fmla="*/ 3376734 h 3631749"/>
                    <a:gd name="connsiteX11" fmla="*/ 354433 w 1357016"/>
                    <a:gd name="connsiteY11" fmla="*/ 1147884 h 3631749"/>
                    <a:gd name="connsiteX12" fmla="*/ 277174 w 1357016"/>
                    <a:gd name="connsiteY12" fmla="*/ 2609775 h 3631749"/>
                    <a:gd name="connsiteX13" fmla="*/ 40108 w 1357016"/>
                    <a:gd name="connsiteY13" fmla="*/ 4884 h 3631749"/>
                    <a:gd name="connsiteX14" fmla="*/ 501897 w 1357016"/>
                    <a:gd name="connsiteY14" fmla="*/ 803929 h 3631749"/>
                    <a:gd name="connsiteX0" fmla="*/ 525893 w 1385601"/>
                    <a:gd name="connsiteY0" fmla="*/ 1 h 2841053"/>
                    <a:gd name="connsiteX1" fmla="*/ 1082047 w 1385601"/>
                    <a:gd name="connsiteY1" fmla="*/ 125167 h 2841053"/>
                    <a:gd name="connsiteX2" fmla="*/ 1381841 w 1385601"/>
                    <a:gd name="connsiteY2" fmla="*/ 952869 h 2841053"/>
                    <a:gd name="connsiteX3" fmla="*/ 1177889 w 1385601"/>
                    <a:gd name="connsiteY3" fmla="*/ 1974625 h 2841053"/>
                    <a:gd name="connsiteX4" fmla="*/ 1132339 w 1385601"/>
                    <a:gd name="connsiteY4" fmla="*/ 999620 h 2841053"/>
                    <a:gd name="connsiteX5" fmla="*/ 1068951 w 1385601"/>
                    <a:gd name="connsiteY5" fmla="*/ 628451 h 2841053"/>
                    <a:gd name="connsiteX6" fmla="*/ 1054531 w 1385601"/>
                    <a:gd name="connsiteY6" fmla="*/ 2643188 h 2841053"/>
                    <a:gd name="connsiteX7" fmla="*/ 711631 w 1385601"/>
                    <a:gd name="connsiteY7" fmla="*/ 2614613 h 2841053"/>
                    <a:gd name="connsiteX8" fmla="*/ 725919 w 1385601"/>
                    <a:gd name="connsiteY8" fmla="*/ 1385888 h 2841053"/>
                    <a:gd name="connsiteX9" fmla="*/ 697343 w 1385601"/>
                    <a:gd name="connsiteY9" fmla="*/ 2686051 h 2841053"/>
                    <a:gd name="connsiteX10" fmla="*/ 368731 w 1385601"/>
                    <a:gd name="connsiteY10" fmla="*/ 2586038 h 2841053"/>
                    <a:gd name="connsiteX11" fmla="*/ 383018 w 1385601"/>
                    <a:gd name="connsiteY11" fmla="*/ 357188 h 2841053"/>
                    <a:gd name="connsiteX12" fmla="*/ 305759 w 1385601"/>
                    <a:gd name="connsiteY12" fmla="*/ 1819079 h 2841053"/>
                    <a:gd name="connsiteX13" fmla="*/ 37938 w 1385601"/>
                    <a:gd name="connsiteY13" fmla="*/ 93143 h 2841053"/>
                    <a:gd name="connsiteX14" fmla="*/ 530482 w 1385601"/>
                    <a:gd name="connsiteY14" fmla="*/ 13233 h 2841053"/>
                    <a:gd name="connsiteX0" fmla="*/ 413356 w 1273064"/>
                    <a:gd name="connsiteY0" fmla="*/ 1 h 2841053"/>
                    <a:gd name="connsiteX1" fmla="*/ 969510 w 1273064"/>
                    <a:gd name="connsiteY1" fmla="*/ 125167 h 2841053"/>
                    <a:gd name="connsiteX2" fmla="*/ 1269304 w 1273064"/>
                    <a:gd name="connsiteY2" fmla="*/ 952869 h 2841053"/>
                    <a:gd name="connsiteX3" fmla="*/ 1065352 w 1273064"/>
                    <a:gd name="connsiteY3" fmla="*/ 1974625 h 2841053"/>
                    <a:gd name="connsiteX4" fmla="*/ 1019802 w 1273064"/>
                    <a:gd name="connsiteY4" fmla="*/ 999620 h 2841053"/>
                    <a:gd name="connsiteX5" fmla="*/ 956414 w 1273064"/>
                    <a:gd name="connsiteY5" fmla="*/ 628451 h 2841053"/>
                    <a:gd name="connsiteX6" fmla="*/ 941994 w 1273064"/>
                    <a:gd name="connsiteY6" fmla="*/ 2643188 h 2841053"/>
                    <a:gd name="connsiteX7" fmla="*/ 599094 w 1273064"/>
                    <a:gd name="connsiteY7" fmla="*/ 2614613 h 2841053"/>
                    <a:gd name="connsiteX8" fmla="*/ 613382 w 1273064"/>
                    <a:gd name="connsiteY8" fmla="*/ 1385888 h 2841053"/>
                    <a:gd name="connsiteX9" fmla="*/ 584806 w 1273064"/>
                    <a:gd name="connsiteY9" fmla="*/ 2686051 h 2841053"/>
                    <a:gd name="connsiteX10" fmla="*/ 256194 w 1273064"/>
                    <a:gd name="connsiteY10" fmla="*/ 2586038 h 2841053"/>
                    <a:gd name="connsiteX11" fmla="*/ 270481 w 1273064"/>
                    <a:gd name="connsiteY11" fmla="*/ 357188 h 2841053"/>
                    <a:gd name="connsiteX12" fmla="*/ 193222 w 1273064"/>
                    <a:gd name="connsiteY12" fmla="*/ 1819079 h 2841053"/>
                    <a:gd name="connsiteX13" fmla="*/ 48417 w 1273064"/>
                    <a:gd name="connsiteY13" fmla="*/ 299955 h 2841053"/>
                    <a:gd name="connsiteX14" fmla="*/ 417945 w 1273064"/>
                    <a:gd name="connsiteY14" fmla="*/ 13233 h 2841053"/>
                    <a:gd name="connsiteX0" fmla="*/ 464874 w 1324582"/>
                    <a:gd name="connsiteY0" fmla="*/ 1 h 2841053"/>
                    <a:gd name="connsiteX1" fmla="*/ 1021028 w 1324582"/>
                    <a:gd name="connsiteY1" fmla="*/ 125167 h 2841053"/>
                    <a:gd name="connsiteX2" fmla="*/ 1320822 w 1324582"/>
                    <a:gd name="connsiteY2" fmla="*/ 952869 h 2841053"/>
                    <a:gd name="connsiteX3" fmla="*/ 1116870 w 1324582"/>
                    <a:gd name="connsiteY3" fmla="*/ 1974625 h 2841053"/>
                    <a:gd name="connsiteX4" fmla="*/ 1071320 w 1324582"/>
                    <a:gd name="connsiteY4" fmla="*/ 999620 h 2841053"/>
                    <a:gd name="connsiteX5" fmla="*/ 1007932 w 1324582"/>
                    <a:gd name="connsiteY5" fmla="*/ 628451 h 2841053"/>
                    <a:gd name="connsiteX6" fmla="*/ 993512 w 1324582"/>
                    <a:gd name="connsiteY6" fmla="*/ 2643188 h 2841053"/>
                    <a:gd name="connsiteX7" fmla="*/ 650612 w 1324582"/>
                    <a:gd name="connsiteY7" fmla="*/ 2614613 h 2841053"/>
                    <a:gd name="connsiteX8" fmla="*/ 664900 w 1324582"/>
                    <a:gd name="connsiteY8" fmla="*/ 1385888 h 2841053"/>
                    <a:gd name="connsiteX9" fmla="*/ 636324 w 1324582"/>
                    <a:gd name="connsiteY9" fmla="*/ 2686051 h 2841053"/>
                    <a:gd name="connsiteX10" fmla="*/ 307712 w 1324582"/>
                    <a:gd name="connsiteY10" fmla="*/ 2586038 h 2841053"/>
                    <a:gd name="connsiteX11" fmla="*/ 321999 w 1324582"/>
                    <a:gd name="connsiteY11" fmla="*/ 357188 h 2841053"/>
                    <a:gd name="connsiteX12" fmla="*/ 244740 w 1324582"/>
                    <a:gd name="connsiteY12" fmla="*/ 1819079 h 2841053"/>
                    <a:gd name="connsiteX13" fmla="*/ 99935 w 1324582"/>
                    <a:gd name="connsiteY13" fmla="*/ 299955 h 2841053"/>
                    <a:gd name="connsiteX14" fmla="*/ 469463 w 1324582"/>
                    <a:gd name="connsiteY14" fmla="*/ 13233 h 2841053"/>
                    <a:gd name="connsiteX0" fmla="*/ 464874 w 1324582"/>
                    <a:gd name="connsiteY0" fmla="*/ 49223 h 2890275"/>
                    <a:gd name="connsiteX1" fmla="*/ 1021028 w 1324582"/>
                    <a:gd name="connsiteY1" fmla="*/ 174389 h 2890275"/>
                    <a:gd name="connsiteX2" fmla="*/ 1320822 w 1324582"/>
                    <a:gd name="connsiteY2" fmla="*/ 1002091 h 2890275"/>
                    <a:gd name="connsiteX3" fmla="*/ 1116870 w 1324582"/>
                    <a:gd name="connsiteY3" fmla="*/ 2023847 h 2890275"/>
                    <a:gd name="connsiteX4" fmla="*/ 1071320 w 1324582"/>
                    <a:gd name="connsiteY4" fmla="*/ 1048842 h 2890275"/>
                    <a:gd name="connsiteX5" fmla="*/ 1007932 w 1324582"/>
                    <a:gd name="connsiteY5" fmla="*/ 677673 h 2890275"/>
                    <a:gd name="connsiteX6" fmla="*/ 993512 w 1324582"/>
                    <a:gd name="connsiteY6" fmla="*/ 2692410 h 2890275"/>
                    <a:gd name="connsiteX7" fmla="*/ 650612 w 1324582"/>
                    <a:gd name="connsiteY7" fmla="*/ 2663835 h 2890275"/>
                    <a:gd name="connsiteX8" fmla="*/ 664900 w 1324582"/>
                    <a:gd name="connsiteY8" fmla="*/ 1435110 h 2890275"/>
                    <a:gd name="connsiteX9" fmla="*/ 636324 w 1324582"/>
                    <a:gd name="connsiteY9" fmla="*/ 2735273 h 2890275"/>
                    <a:gd name="connsiteX10" fmla="*/ 307712 w 1324582"/>
                    <a:gd name="connsiteY10" fmla="*/ 2635260 h 2890275"/>
                    <a:gd name="connsiteX11" fmla="*/ 321999 w 1324582"/>
                    <a:gd name="connsiteY11" fmla="*/ 406410 h 2890275"/>
                    <a:gd name="connsiteX12" fmla="*/ 244740 w 1324582"/>
                    <a:gd name="connsiteY12" fmla="*/ 1868301 h 2890275"/>
                    <a:gd name="connsiteX13" fmla="*/ 99935 w 1324582"/>
                    <a:gd name="connsiteY13" fmla="*/ 349177 h 2890275"/>
                    <a:gd name="connsiteX14" fmla="*/ 469463 w 1324582"/>
                    <a:gd name="connsiteY14" fmla="*/ 62455 h 2890275"/>
                    <a:gd name="connsiteX0" fmla="*/ 389388 w 1249096"/>
                    <a:gd name="connsiteY0" fmla="*/ 49223 h 2890275"/>
                    <a:gd name="connsiteX1" fmla="*/ 945542 w 1249096"/>
                    <a:gd name="connsiteY1" fmla="*/ 174389 h 2890275"/>
                    <a:gd name="connsiteX2" fmla="*/ 1245336 w 1249096"/>
                    <a:gd name="connsiteY2" fmla="*/ 1002091 h 2890275"/>
                    <a:gd name="connsiteX3" fmla="*/ 1041384 w 1249096"/>
                    <a:gd name="connsiteY3" fmla="*/ 2023847 h 2890275"/>
                    <a:gd name="connsiteX4" fmla="*/ 995834 w 1249096"/>
                    <a:gd name="connsiteY4" fmla="*/ 1048842 h 2890275"/>
                    <a:gd name="connsiteX5" fmla="*/ 932446 w 1249096"/>
                    <a:gd name="connsiteY5" fmla="*/ 677673 h 2890275"/>
                    <a:gd name="connsiteX6" fmla="*/ 918026 w 1249096"/>
                    <a:gd name="connsiteY6" fmla="*/ 2692410 h 2890275"/>
                    <a:gd name="connsiteX7" fmla="*/ 575126 w 1249096"/>
                    <a:gd name="connsiteY7" fmla="*/ 2663835 h 2890275"/>
                    <a:gd name="connsiteX8" fmla="*/ 589414 w 1249096"/>
                    <a:gd name="connsiteY8" fmla="*/ 1435110 h 2890275"/>
                    <a:gd name="connsiteX9" fmla="*/ 560838 w 1249096"/>
                    <a:gd name="connsiteY9" fmla="*/ 2735273 h 2890275"/>
                    <a:gd name="connsiteX10" fmla="*/ 232226 w 1249096"/>
                    <a:gd name="connsiteY10" fmla="*/ 2635260 h 2890275"/>
                    <a:gd name="connsiteX11" fmla="*/ 246513 w 1249096"/>
                    <a:gd name="connsiteY11" fmla="*/ 406410 h 2890275"/>
                    <a:gd name="connsiteX12" fmla="*/ 169254 w 1249096"/>
                    <a:gd name="connsiteY12" fmla="*/ 1868301 h 2890275"/>
                    <a:gd name="connsiteX13" fmla="*/ 24449 w 1249096"/>
                    <a:gd name="connsiteY13" fmla="*/ 349177 h 2890275"/>
                    <a:gd name="connsiteX14" fmla="*/ 393977 w 1249096"/>
                    <a:gd name="connsiteY14" fmla="*/ 62455 h 2890275"/>
                    <a:gd name="connsiteX0" fmla="*/ 388964 w 1248672"/>
                    <a:gd name="connsiteY0" fmla="*/ 49223 h 2893271"/>
                    <a:gd name="connsiteX1" fmla="*/ 945118 w 1248672"/>
                    <a:gd name="connsiteY1" fmla="*/ 174389 h 2893271"/>
                    <a:gd name="connsiteX2" fmla="*/ 1244912 w 1248672"/>
                    <a:gd name="connsiteY2" fmla="*/ 1002091 h 2893271"/>
                    <a:gd name="connsiteX3" fmla="*/ 1040960 w 1248672"/>
                    <a:gd name="connsiteY3" fmla="*/ 2023847 h 2893271"/>
                    <a:gd name="connsiteX4" fmla="*/ 995410 w 1248672"/>
                    <a:gd name="connsiteY4" fmla="*/ 1048842 h 2893271"/>
                    <a:gd name="connsiteX5" fmla="*/ 932022 w 1248672"/>
                    <a:gd name="connsiteY5" fmla="*/ 677673 h 2893271"/>
                    <a:gd name="connsiteX6" fmla="*/ 917602 w 1248672"/>
                    <a:gd name="connsiteY6" fmla="*/ 2692410 h 2893271"/>
                    <a:gd name="connsiteX7" fmla="*/ 574702 w 1248672"/>
                    <a:gd name="connsiteY7" fmla="*/ 2663835 h 2893271"/>
                    <a:gd name="connsiteX8" fmla="*/ 588990 w 1248672"/>
                    <a:gd name="connsiteY8" fmla="*/ 1435110 h 2893271"/>
                    <a:gd name="connsiteX9" fmla="*/ 560414 w 1248672"/>
                    <a:gd name="connsiteY9" fmla="*/ 2735273 h 2893271"/>
                    <a:gd name="connsiteX10" fmla="*/ 231802 w 1248672"/>
                    <a:gd name="connsiteY10" fmla="*/ 2635260 h 2893271"/>
                    <a:gd name="connsiteX11" fmla="*/ 215335 w 1248672"/>
                    <a:gd name="connsiteY11" fmla="*/ 613221 h 2893271"/>
                    <a:gd name="connsiteX12" fmla="*/ 168830 w 1248672"/>
                    <a:gd name="connsiteY12" fmla="*/ 1868301 h 2893271"/>
                    <a:gd name="connsiteX13" fmla="*/ 24025 w 1248672"/>
                    <a:gd name="connsiteY13" fmla="*/ 349177 h 2893271"/>
                    <a:gd name="connsiteX14" fmla="*/ 393553 w 1248672"/>
                    <a:gd name="connsiteY14" fmla="*/ 62455 h 2893271"/>
                    <a:gd name="connsiteX0" fmla="*/ 386611 w 1246319"/>
                    <a:gd name="connsiteY0" fmla="*/ 49223 h 2893271"/>
                    <a:gd name="connsiteX1" fmla="*/ 942765 w 1246319"/>
                    <a:gd name="connsiteY1" fmla="*/ 174389 h 2893271"/>
                    <a:gd name="connsiteX2" fmla="*/ 1242559 w 1246319"/>
                    <a:gd name="connsiteY2" fmla="*/ 1002091 h 2893271"/>
                    <a:gd name="connsiteX3" fmla="*/ 1038607 w 1246319"/>
                    <a:gd name="connsiteY3" fmla="*/ 2023847 h 2893271"/>
                    <a:gd name="connsiteX4" fmla="*/ 993057 w 1246319"/>
                    <a:gd name="connsiteY4" fmla="*/ 1048842 h 2893271"/>
                    <a:gd name="connsiteX5" fmla="*/ 929669 w 1246319"/>
                    <a:gd name="connsiteY5" fmla="*/ 677673 h 2893271"/>
                    <a:gd name="connsiteX6" fmla="*/ 915249 w 1246319"/>
                    <a:gd name="connsiteY6" fmla="*/ 2692410 h 2893271"/>
                    <a:gd name="connsiteX7" fmla="*/ 572349 w 1246319"/>
                    <a:gd name="connsiteY7" fmla="*/ 2663835 h 2893271"/>
                    <a:gd name="connsiteX8" fmla="*/ 586637 w 1246319"/>
                    <a:gd name="connsiteY8" fmla="*/ 1435110 h 2893271"/>
                    <a:gd name="connsiteX9" fmla="*/ 558061 w 1246319"/>
                    <a:gd name="connsiteY9" fmla="*/ 2735273 h 2893271"/>
                    <a:gd name="connsiteX10" fmla="*/ 229449 w 1246319"/>
                    <a:gd name="connsiteY10" fmla="*/ 2635260 h 2893271"/>
                    <a:gd name="connsiteX11" fmla="*/ 212982 w 1246319"/>
                    <a:gd name="connsiteY11" fmla="*/ 613221 h 2893271"/>
                    <a:gd name="connsiteX12" fmla="*/ 22147 w 1246319"/>
                    <a:gd name="connsiteY12" fmla="*/ 1246923 h 2893271"/>
                    <a:gd name="connsiteX13" fmla="*/ 166477 w 1246319"/>
                    <a:gd name="connsiteY13" fmla="*/ 1868301 h 2893271"/>
                    <a:gd name="connsiteX14" fmla="*/ 21672 w 1246319"/>
                    <a:gd name="connsiteY14" fmla="*/ 349177 h 2893271"/>
                    <a:gd name="connsiteX15" fmla="*/ 391200 w 1246319"/>
                    <a:gd name="connsiteY15" fmla="*/ 62455 h 2893271"/>
                    <a:gd name="connsiteX0" fmla="*/ 386611 w 1246319"/>
                    <a:gd name="connsiteY0" fmla="*/ 49223 h 2886157"/>
                    <a:gd name="connsiteX1" fmla="*/ 942765 w 1246319"/>
                    <a:gd name="connsiteY1" fmla="*/ 174389 h 2886157"/>
                    <a:gd name="connsiteX2" fmla="*/ 1242559 w 1246319"/>
                    <a:gd name="connsiteY2" fmla="*/ 1002091 h 2886157"/>
                    <a:gd name="connsiteX3" fmla="*/ 1038607 w 1246319"/>
                    <a:gd name="connsiteY3" fmla="*/ 2023847 h 2886157"/>
                    <a:gd name="connsiteX4" fmla="*/ 993057 w 1246319"/>
                    <a:gd name="connsiteY4" fmla="*/ 1048842 h 2886157"/>
                    <a:gd name="connsiteX5" fmla="*/ 929669 w 1246319"/>
                    <a:gd name="connsiteY5" fmla="*/ 677673 h 2886157"/>
                    <a:gd name="connsiteX6" fmla="*/ 915249 w 1246319"/>
                    <a:gd name="connsiteY6" fmla="*/ 2692410 h 2886157"/>
                    <a:gd name="connsiteX7" fmla="*/ 572349 w 1246319"/>
                    <a:gd name="connsiteY7" fmla="*/ 2663835 h 2886157"/>
                    <a:gd name="connsiteX8" fmla="*/ 586637 w 1246319"/>
                    <a:gd name="connsiteY8" fmla="*/ 1435110 h 2886157"/>
                    <a:gd name="connsiteX9" fmla="*/ 558061 w 1246319"/>
                    <a:gd name="connsiteY9" fmla="*/ 2735273 h 2886157"/>
                    <a:gd name="connsiteX10" fmla="*/ 229449 w 1246319"/>
                    <a:gd name="connsiteY10" fmla="*/ 2635260 h 2886157"/>
                    <a:gd name="connsiteX11" fmla="*/ 206669 w 1246319"/>
                    <a:gd name="connsiteY11" fmla="*/ 1350329 h 2886157"/>
                    <a:gd name="connsiteX12" fmla="*/ 212982 w 1246319"/>
                    <a:gd name="connsiteY12" fmla="*/ 613221 h 2886157"/>
                    <a:gd name="connsiteX13" fmla="*/ 22147 w 1246319"/>
                    <a:gd name="connsiteY13" fmla="*/ 1246923 h 2886157"/>
                    <a:gd name="connsiteX14" fmla="*/ 166477 w 1246319"/>
                    <a:gd name="connsiteY14" fmla="*/ 1868301 h 2886157"/>
                    <a:gd name="connsiteX15" fmla="*/ 21672 w 1246319"/>
                    <a:gd name="connsiteY15" fmla="*/ 349177 h 2886157"/>
                    <a:gd name="connsiteX16" fmla="*/ 391200 w 1246319"/>
                    <a:gd name="connsiteY16" fmla="*/ 62455 h 2886157"/>
                    <a:gd name="connsiteX0" fmla="*/ 387919 w 1247627"/>
                    <a:gd name="connsiteY0" fmla="*/ 49223 h 2886155"/>
                    <a:gd name="connsiteX1" fmla="*/ 944073 w 1247627"/>
                    <a:gd name="connsiteY1" fmla="*/ 174389 h 2886155"/>
                    <a:gd name="connsiteX2" fmla="*/ 1243867 w 1247627"/>
                    <a:gd name="connsiteY2" fmla="*/ 1002091 h 2886155"/>
                    <a:gd name="connsiteX3" fmla="*/ 1039915 w 1247627"/>
                    <a:gd name="connsiteY3" fmla="*/ 2023847 h 2886155"/>
                    <a:gd name="connsiteX4" fmla="*/ 994365 w 1247627"/>
                    <a:gd name="connsiteY4" fmla="*/ 1048842 h 2886155"/>
                    <a:gd name="connsiteX5" fmla="*/ 930977 w 1247627"/>
                    <a:gd name="connsiteY5" fmla="*/ 677673 h 2886155"/>
                    <a:gd name="connsiteX6" fmla="*/ 916557 w 1247627"/>
                    <a:gd name="connsiteY6" fmla="*/ 2692410 h 2886155"/>
                    <a:gd name="connsiteX7" fmla="*/ 573657 w 1247627"/>
                    <a:gd name="connsiteY7" fmla="*/ 2663835 h 2886155"/>
                    <a:gd name="connsiteX8" fmla="*/ 587945 w 1247627"/>
                    <a:gd name="connsiteY8" fmla="*/ 1435110 h 2886155"/>
                    <a:gd name="connsiteX9" fmla="*/ 559369 w 1247627"/>
                    <a:gd name="connsiteY9" fmla="*/ 2735273 h 2886155"/>
                    <a:gd name="connsiteX10" fmla="*/ 230757 w 1247627"/>
                    <a:gd name="connsiteY10" fmla="*/ 2635260 h 2886155"/>
                    <a:gd name="connsiteX11" fmla="*/ 207977 w 1247627"/>
                    <a:gd name="connsiteY11" fmla="*/ 1350329 h 2886155"/>
                    <a:gd name="connsiteX12" fmla="*/ 214290 w 1247627"/>
                    <a:gd name="connsiteY12" fmla="*/ 613221 h 2886155"/>
                    <a:gd name="connsiteX13" fmla="*/ 134011 w 1247627"/>
                    <a:gd name="connsiteY13" fmla="*/ 1216003 h 2886155"/>
                    <a:gd name="connsiteX14" fmla="*/ 167785 w 1247627"/>
                    <a:gd name="connsiteY14" fmla="*/ 1868301 h 2886155"/>
                    <a:gd name="connsiteX15" fmla="*/ 22980 w 1247627"/>
                    <a:gd name="connsiteY15" fmla="*/ 349177 h 2886155"/>
                    <a:gd name="connsiteX16" fmla="*/ 392508 w 1247627"/>
                    <a:gd name="connsiteY16" fmla="*/ 62455 h 2886155"/>
                    <a:gd name="connsiteX0" fmla="*/ 382115 w 1241823"/>
                    <a:gd name="connsiteY0" fmla="*/ 49223 h 2886155"/>
                    <a:gd name="connsiteX1" fmla="*/ 938269 w 1241823"/>
                    <a:gd name="connsiteY1" fmla="*/ 174389 h 2886155"/>
                    <a:gd name="connsiteX2" fmla="*/ 1238063 w 1241823"/>
                    <a:gd name="connsiteY2" fmla="*/ 1002091 h 2886155"/>
                    <a:gd name="connsiteX3" fmla="*/ 1034111 w 1241823"/>
                    <a:gd name="connsiteY3" fmla="*/ 2023847 h 2886155"/>
                    <a:gd name="connsiteX4" fmla="*/ 988561 w 1241823"/>
                    <a:gd name="connsiteY4" fmla="*/ 1048842 h 2886155"/>
                    <a:gd name="connsiteX5" fmla="*/ 925173 w 1241823"/>
                    <a:gd name="connsiteY5" fmla="*/ 677673 h 2886155"/>
                    <a:gd name="connsiteX6" fmla="*/ 910753 w 1241823"/>
                    <a:gd name="connsiteY6" fmla="*/ 2692410 h 2886155"/>
                    <a:gd name="connsiteX7" fmla="*/ 567853 w 1241823"/>
                    <a:gd name="connsiteY7" fmla="*/ 2663835 h 2886155"/>
                    <a:gd name="connsiteX8" fmla="*/ 582141 w 1241823"/>
                    <a:gd name="connsiteY8" fmla="*/ 1435110 h 2886155"/>
                    <a:gd name="connsiteX9" fmla="*/ 553565 w 1241823"/>
                    <a:gd name="connsiteY9" fmla="*/ 2735273 h 2886155"/>
                    <a:gd name="connsiteX10" fmla="*/ 224953 w 1241823"/>
                    <a:gd name="connsiteY10" fmla="*/ 2635260 h 2886155"/>
                    <a:gd name="connsiteX11" fmla="*/ 202173 w 1241823"/>
                    <a:gd name="connsiteY11" fmla="*/ 1350329 h 2886155"/>
                    <a:gd name="connsiteX12" fmla="*/ 208486 w 1241823"/>
                    <a:gd name="connsiteY12" fmla="*/ 613221 h 2886155"/>
                    <a:gd name="connsiteX13" fmla="*/ 128207 w 1241823"/>
                    <a:gd name="connsiteY13" fmla="*/ 1216003 h 2886155"/>
                    <a:gd name="connsiteX14" fmla="*/ 161981 w 1241823"/>
                    <a:gd name="connsiteY14" fmla="*/ 1868301 h 2886155"/>
                    <a:gd name="connsiteX15" fmla="*/ 17176 w 1241823"/>
                    <a:gd name="connsiteY15" fmla="*/ 349177 h 2886155"/>
                    <a:gd name="connsiteX16" fmla="*/ 386704 w 1241823"/>
                    <a:gd name="connsiteY16" fmla="*/ 62455 h 2886155"/>
                    <a:gd name="connsiteX0" fmla="*/ 391904 w 1251612"/>
                    <a:gd name="connsiteY0" fmla="*/ 49223 h 2886155"/>
                    <a:gd name="connsiteX1" fmla="*/ 948058 w 1251612"/>
                    <a:gd name="connsiteY1" fmla="*/ 174389 h 2886155"/>
                    <a:gd name="connsiteX2" fmla="*/ 1247852 w 1251612"/>
                    <a:gd name="connsiteY2" fmla="*/ 1002091 h 2886155"/>
                    <a:gd name="connsiteX3" fmla="*/ 1043900 w 1251612"/>
                    <a:gd name="connsiteY3" fmla="*/ 2023847 h 2886155"/>
                    <a:gd name="connsiteX4" fmla="*/ 998350 w 1251612"/>
                    <a:gd name="connsiteY4" fmla="*/ 1048842 h 2886155"/>
                    <a:gd name="connsiteX5" fmla="*/ 934962 w 1251612"/>
                    <a:gd name="connsiteY5" fmla="*/ 677673 h 2886155"/>
                    <a:gd name="connsiteX6" fmla="*/ 920542 w 1251612"/>
                    <a:gd name="connsiteY6" fmla="*/ 2692410 h 2886155"/>
                    <a:gd name="connsiteX7" fmla="*/ 577642 w 1251612"/>
                    <a:gd name="connsiteY7" fmla="*/ 2663835 h 2886155"/>
                    <a:gd name="connsiteX8" fmla="*/ 591930 w 1251612"/>
                    <a:gd name="connsiteY8" fmla="*/ 1435110 h 2886155"/>
                    <a:gd name="connsiteX9" fmla="*/ 563354 w 1251612"/>
                    <a:gd name="connsiteY9" fmla="*/ 2735273 h 2886155"/>
                    <a:gd name="connsiteX10" fmla="*/ 234742 w 1251612"/>
                    <a:gd name="connsiteY10" fmla="*/ 2635260 h 2886155"/>
                    <a:gd name="connsiteX11" fmla="*/ 211962 w 1251612"/>
                    <a:gd name="connsiteY11" fmla="*/ 1350329 h 2886155"/>
                    <a:gd name="connsiteX12" fmla="*/ 218275 w 1251612"/>
                    <a:gd name="connsiteY12" fmla="*/ 613221 h 2886155"/>
                    <a:gd name="connsiteX13" fmla="*/ 137996 w 1251612"/>
                    <a:gd name="connsiteY13" fmla="*/ 1216003 h 2886155"/>
                    <a:gd name="connsiteX14" fmla="*/ 171770 w 1251612"/>
                    <a:gd name="connsiteY14" fmla="*/ 1868301 h 2886155"/>
                    <a:gd name="connsiteX15" fmla="*/ 26965 w 1251612"/>
                    <a:gd name="connsiteY15" fmla="*/ 349177 h 2886155"/>
                    <a:gd name="connsiteX16" fmla="*/ 396493 w 1251612"/>
                    <a:gd name="connsiteY16" fmla="*/ 62455 h 2886155"/>
                    <a:gd name="connsiteX0" fmla="*/ 391904 w 1251612"/>
                    <a:gd name="connsiteY0" fmla="*/ 34146 h 2871078"/>
                    <a:gd name="connsiteX1" fmla="*/ 948058 w 1251612"/>
                    <a:gd name="connsiteY1" fmla="*/ 159312 h 2871078"/>
                    <a:gd name="connsiteX2" fmla="*/ 1247852 w 1251612"/>
                    <a:gd name="connsiteY2" fmla="*/ 987014 h 2871078"/>
                    <a:gd name="connsiteX3" fmla="*/ 1043900 w 1251612"/>
                    <a:gd name="connsiteY3" fmla="*/ 2008770 h 2871078"/>
                    <a:gd name="connsiteX4" fmla="*/ 998350 w 1251612"/>
                    <a:gd name="connsiteY4" fmla="*/ 1033765 h 2871078"/>
                    <a:gd name="connsiteX5" fmla="*/ 934962 w 1251612"/>
                    <a:gd name="connsiteY5" fmla="*/ 662596 h 2871078"/>
                    <a:gd name="connsiteX6" fmla="*/ 920542 w 1251612"/>
                    <a:gd name="connsiteY6" fmla="*/ 2677333 h 2871078"/>
                    <a:gd name="connsiteX7" fmla="*/ 577642 w 1251612"/>
                    <a:gd name="connsiteY7" fmla="*/ 2648758 h 2871078"/>
                    <a:gd name="connsiteX8" fmla="*/ 591930 w 1251612"/>
                    <a:gd name="connsiteY8" fmla="*/ 1420033 h 2871078"/>
                    <a:gd name="connsiteX9" fmla="*/ 563354 w 1251612"/>
                    <a:gd name="connsiteY9" fmla="*/ 2720196 h 2871078"/>
                    <a:gd name="connsiteX10" fmla="*/ 234742 w 1251612"/>
                    <a:gd name="connsiteY10" fmla="*/ 2620183 h 2871078"/>
                    <a:gd name="connsiteX11" fmla="*/ 211962 w 1251612"/>
                    <a:gd name="connsiteY11" fmla="*/ 1335252 h 2871078"/>
                    <a:gd name="connsiteX12" fmla="*/ 218275 w 1251612"/>
                    <a:gd name="connsiteY12" fmla="*/ 598144 h 2871078"/>
                    <a:gd name="connsiteX13" fmla="*/ 137996 w 1251612"/>
                    <a:gd name="connsiteY13" fmla="*/ 1200926 h 2871078"/>
                    <a:gd name="connsiteX14" fmla="*/ 171770 w 1251612"/>
                    <a:gd name="connsiteY14" fmla="*/ 1853224 h 2871078"/>
                    <a:gd name="connsiteX15" fmla="*/ 26965 w 1251612"/>
                    <a:gd name="connsiteY15" fmla="*/ 334100 h 2871078"/>
                    <a:gd name="connsiteX16" fmla="*/ 295150 w 1251612"/>
                    <a:gd name="connsiteY16" fmla="*/ 78298 h 2871078"/>
                    <a:gd name="connsiteX0" fmla="*/ 413828 w 1273536"/>
                    <a:gd name="connsiteY0" fmla="*/ 1 h 2836933"/>
                    <a:gd name="connsiteX1" fmla="*/ 969982 w 1273536"/>
                    <a:gd name="connsiteY1" fmla="*/ 125167 h 2836933"/>
                    <a:gd name="connsiteX2" fmla="*/ 1269776 w 1273536"/>
                    <a:gd name="connsiteY2" fmla="*/ 952869 h 2836933"/>
                    <a:gd name="connsiteX3" fmla="*/ 1065824 w 1273536"/>
                    <a:gd name="connsiteY3" fmla="*/ 1974625 h 2836933"/>
                    <a:gd name="connsiteX4" fmla="*/ 1020274 w 1273536"/>
                    <a:gd name="connsiteY4" fmla="*/ 999620 h 2836933"/>
                    <a:gd name="connsiteX5" fmla="*/ 956886 w 1273536"/>
                    <a:gd name="connsiteY5" fmla="*/ 628451 h 2836933"/>
                    <a:gd name="connsiteX6" fmla="*/ 942466 w 1273536"/>
                    <a:gd name="connsiteY6" fmla="*/ 2643188 h 2836933"/>
                    <a:gd name="connsiteX7" fmla="*/ 599566 w 1273536"/>
                    <a:gd name="connsiteY7" fmla="*/ 2614613 h 2836933"/>
                    <a:gd name="connsiteX8" fmla="*/ 613854 w 1273536"/>
                    <a:gd name="connsiteY8" fmla="*/ 1385888 h 2836933"/>
                    <a:gd name="connsiteX9" fmla="*/ 585278 w 1273536"/>
                    <a:gd name="connsiteY9" fmla="*/ 2686051 h 2836933"/>
                    <a:gd name="connsiteX10" fmla="*/ 256666 w 1273536"/>
                    <a:gd name="connsiteY10" fmla="*/ 2586038 h 2836933"/>
                    <a:gd name="connsiteX11" fmla="*/ 233886 w 1273536"/>
                    <a:gd name="connsiteY11" fmla="*/ 1301107 h 2836933"/>
                    <a:gd name="connsiteX12" fmla="*/ 240199 w 1273536"/>
                    <a:gd name="connsiteY12" fmla="*/ 563999 h 2836933"/>
                    <a:gd name="connsiteX13" fmla="*/ 159920 w 1273536"/>
                    <a:gd name="connsiteY13" fmla="*/ 1166781 h 2836933"/>
                    <a:gd name="connsiteX14" fmla="*/ 193694 w 1273536"/>
                    <a:gd name="connsiteY14" fmla="*/ 1819079 h 2836933"/>
                    <a:gd name="connsiteX15" fmla="*/ 21250 w 1273536"/>
                    <a:gd name="connsiteY15" fmla="*/ 701911 h 2836933"/>
                    <a:gd name="connsiteX16" fmla="*/ 317074 w 1273536"/>
                    <a:gd name="connsiteY16" fmla="*/ 44153 h 2836933"/>
                    <a:gd name="connsiteX0" fmla="*/ 394153 w 1253861"/>
                    <a:gd name="connsiteY0" fmla="*/ 1 h 2836933"/>
                    <a:gd name="connsiteX1" fmla="*/ 950307 w 1253861"/>
                    <a:gd name="connsiteY1" fmla="*/ 125167 h 2836933"/>
                    <a:gd name="connsiteX2" fmla="*/ 1250101 w 1253861"/>
                    <a:gd name="connsiteY2" fmla="*/ 952869 h 2836933"/>
                    <a:gd name="connsiteX3" fmla="*/ 1046149 w 1253861"/>
                    <a:gd name="connsiteY3" fmla="*/ 1974625 h 2836933"/>
                    <a:gd name="connsiteX4" fmla="*/ 1000599 w 1253861"/>
                    <a:gd name="connsiteY4" fmla="*/ 999620 h 2836933"/>
                    <a:gd name="connsiteX5" fmla="*/ 937211 w 1253861"/>
                    <a:gd name="connsiteY5" fmla="*/ 628451 h 2836933"/>
                    <a:gd name="connsiteX6" fmla="*/ 922791 w 1253861"/>
                    <a:gd name="connsiteY6" fmla="*/ 2643188 h 2836933"/>
                    <a:gd name="connsiteX7" fmla="*/ 579891 w 1253861"/>
                    <a:gd name="connsiteY7" fmla="*/ 2614613 h 2836933"/>
                    <a:gd name="connsiteX8" fmla="*/ 594179 w 1253861"/>
                    <a:gd name="connsiteY8" fmla="*/ 1385888 h 2836933"/>
                    <a:gd name="connsiteX9" fmla="*/ 565603 w 1253861"/>
                    <a:gd name="connsiteY9" fmla="*/ 2686051 h 2836933"/>
                    <a:gd name="connsiteX10" fmla="*/ 236991 w 1253861"/>
                    <a:gd name="connsiteY10" fmla="*/ 2586038 h 2836933"/>
                    <a:gd name="connsiteX11" fmla="*/ 214211 w 1253861"/>
                    <a:gd name="connsiteY11" fmla="*/ 1301107 h 2836933"/>
                    <a:gd name="connsiteX12" fmla="*/ 220524 w 1253861"/>
                    <a:gd name="connsiteY12" fmla="*/ 563999 h 2836933"/>
                    <a:gd name="connsiteX13" fmla="*/ 140245 w 1253861"/>
                    <a:gd name="connsiteY13" fmla="*/ 1166781 h 2836933"/>
                    <a:gd name="connsiteX14" fmla="*/ 174019 w 1253861"/>
                    <a:gd name="connsiteY14" fmla="*/ 1819079 h 2836933"/>
                    <a:gd name="connsiteX15" fmla="*/ 1575 w 1253861"/>
                    <a:gd name="connsiteY15" fmla="*/ 701911 h 2836933"/>
                    <a:gd name="connsiteX16" fmla="*/ 297399 w 1253861"/>
                    <a:gd name="connsiteY16" fmla="*/ 44153 h 2836933"/>
                    <a:gd name="connsiteX0" fmla="*/ 395210 w 1254918"/>
                    <a:gd name="connsiteY0" fmla="*/ 1 h 2836933"/>
                    <a:gd name="connsiteX1" fmla="*/ 951364 w 1254918"/>
                    <a:gd name="connsiteY1" fmla="*/ 125167 h 2836933"/>
                    <a:gd name="connsiteX2" fmla="*/ 1251158 w 1254918"/>
                    <a:gd name="connsiteY2" fmla="*/ 952869 h 2836933"/>
                    <a:gd name="connsiteX3" fmla="*/ 1047206 w 1254918"/>
                    <a:gd name="connsiteY3" fmla="*/ 1974625 h 2836933"/>
                    <a:gd name="connsiteX4" fmla="*/ 1001656 w 1254918"/>
                    <a:gd name="connsiteY4" fmla="*/ 999620 h 2836933"/>
                    <a:gd name="connsiteX5" fmla="*/ 938268 w 1254918"/>
                    <a:gd name="connsiteY5" fmla="*/ 628451 h 2836933"/>
                    <a:gd name="connsiteX6" fmla="*/ 923848 w 1254918"/>
                    <a:gd name="connsiteY6" fmla="*/ 2643188 h 2836933"/>
                    <a:gd name="connsiteX7" fmla="*/ 580948 w 1254918"/>
                    <a:gd name="connsiteY7" fmla="*/ 2614613 h 2836933"/>
                    <a:gd name="connsiteX8" fmla="*/ 595236 w 1254918"/>
                    <a:gd name="connsiteY8" fmla="*/ 1385888 h 2836933"/>
                    <a:gd name="connsiteX9" fmla="*/ 566660 w 1254918"/>
                    <a:gd name="connsiteY9" fmla="*/ 2686051 h 2836933"/>
                    <a:gd name="connsiteX10" fmla="*/ 238048 w 1254918"/>
                    <a:gd name="connsiteY10" fmla="*/ 2586038 h 2836933"/>
                    <a:gd name="connsiteX11" fmla="*/ 215268 w 1254918"/>
                    <a:gd name="connsiteY11" fmla="*/ 1301107 h 2836933"/>
                    <a:gd name="connsiteX12" fmla="*/ 221581 w 1254918"/>
                    <a:gd name="connsiteY12" fmla="*/ 563999 h 2836933"/>
                    <a:gd name="connsiteX13" fmla="*/ 141302 w 1254918"/>
                    <a:gd name="connsiteY13" fmla="*/ 1166781 h 2836933"/>
                    <a:gd name="connsiteX14" fmla="*/ 101373 w 1254918"/>
                    <a:gd name="connsiteY14" fmla="*/ 2035519 h 2836933"/>
                    <a:gd name="connsiteX15" fmla="*/ 2632 w 1254918"/>
                    <a:gd name="connsiteY15" fmla="*/ 701911 h 2836933"/>
                    <a:gd name="connsiteX16" fmla="*/ 298456 w 1254918"/>
                    <a:gd name="connsiteY16" fmla="*/ 44153 h 2836933"/>
                    <a:gd name="connsiteX0" fmla="*/ 397504 w 1257212"/>
                    <a:gd name="connsiteY0" fmla="*/ 1 h 2836933"/>
                    <a:gd name="connsiteX1" fmla="*/ 953658 w 1257212"/>
                    <a:gd name="connsiteY1" fmla="*/ 125167 h 2836933"/>
                    <a:gd name="connsiteX2" fmla="*/ 1253452 w 1257212"/>
                    <a:gd name="connsiteY2" fmla="*/ 952869 h 2836933"/>
                    <a:gd name="connsiteX3" fmla="*/ 1049500 w 1257212"/>
                    <a:gd name="connsiteY3" fmla="*/ 1974625 h 2836933"/>
                    <a:gd name="connsiteX4" fmla="*/ 1003950 w 1257212"/>
                    <a:gd name="connsiteY4" fmla="*/ 999620 h 2836933"/>
                    <a:gd name="connsiteX5" fmla="*/ 940562 w 1257212"/>
                    <a:gd name="connsiteY5" fmla="*/ 628451 h 2836933"/>
                    <a:gd name="connsiteX6" fmla="*/ 926142 w 1257212"/>
                    <a:gd name="connsiteY6" fmla="*/ 2643188 h 2836933"/>
                    <a:gd name="connsiteX7" fmla="*/ 583242 w 1257212"/>
                    <a:gd name="connsiteY7" fmla="*/ 2614613 h 2836933"/>
                    <a:gd name="connsiteX8" fmla="*/ 597530 w 1257212"/>
                    <a:gd name="connsiteY8" fmla="*/ 1385888 h 2836933"/>
                    <a:gd name="connsiteX9" fmla="*/ 568954 w 1257212"/>
                    <a:gd name="connsiteY9" fmla="*/ 2686051 h 2836933"/>
                    <a:gd name="connsiteX10" fmla="*/ 240342 w 1257212"/>
                    <a:gd name="connsiteY10" fmla="*/ 2586038 h 2836933"/>
                    <a:gd name="connsiteX11" fmla="*/ 217562 w 1257212"/>
                    <a:gd name="connsiteY11" fmla="*/ 1301107 h 2836933"/>
                    <a:gd name="connsiteX12" fmla="*/ 223875 w 1257212"/>
                    <a:gd name="connsiteY12" fmla="*/ 563999 h 2836933"/>
                    <a:gd name="connsiteX13" fmla="*/ 143596 w 1257212"/>
                    <a:gd name="connsiteY13" fmla="*/ 1166781 h 2836933"/>
                    <a:gd name="connsiteX14" fmla="*/ 103667 w 1257212"/>
                    <a:gd name="connsiteY14" fmla="*/ 2035519 h 2836933"/>
                    <a:gd name="connsiteX15" fmla="*/ 4926 w 1257212"/>
                    <a:gd name="connsiteY15" fmla="*/ 701911 h 2836933"/>
                    <a:gd name="connsiteX16" fmla="*/ 300750 w 1257212"/>
                    <a:gd name="connsiteY16" fmla="*/ 44153 h 2836933"/>
                    <a:gd name="connsiteX0" fmla="*/ 394532 w 1254240"/>
                    <a:gd name="connsiteY0" fmla="*/ 1 h 2836933"/>
                    <a:gd name="connsiteX1" fmla="*/ 950686 w 1254240"/>
                    <a:gd name="connsiteY1" fmla="*/ 125167 h 2836933"/>
                    <a:gd name="connsiteX2" fmla="*/ 1250480 w 1254240"/>
                    <a:gd name="connsiteY2" fmla="*/ 952869 h 2836933"/>
                    <a:gd name="connsiteX3" fmla="*/ 1046528 w 1254240"/>
                    <a:gd name="connsiteY3" fmla="*/ 1974625 h 2836933"/>
                    <a:gd name="connsiteX4" fmla="*/ 1000978 w 1254240"/>
                    <a:gd name="connsiteY4" fmla="*/ 999620 h 2836933"/>
                    <a:gd name="connsiteX5" fmla="*/ 937590 w 1254240"/>
                    <a:gd name="connsiteY5" fmla="*/ 628451 h 2836933"/>
                    <a:gd name="connsiteX6" fmla="*/ 923170 w 1254240"/>
                    <a:gd name="connsiteY6" fmla="*/ 2643188 h 2836933"/>
                    <a:gd name="connsiteX7" fmla="*/ 580270 w 1254240"/>
                    <a:gd name="connsiteY7" fmla="*/ 2614613 h 2836933"/>
                    <a:gd name="connsiteX8" fmla="*/ 594558 w 1254240"/>
                    <a:gd name="connsiteY8" fmla="*/ 1385888 h 2836933"/>
                    <a:gd name="connsiteX9" fmla="*/ 565982 w 1254240"/>
                    <a:gd name="connsiteY9" fmla="*/ 2686051 h 2836933"/>
                    <a:gd name="connsiteX10" fmla="*/ 237370 w 1254240"/>
                    <a:gd name="connsiteY10" fmla="*/ 2586038 h 2836933"/>
                    <a:gd name="connsiteX11" fmla="*/ 214590 w 1254240"/>
                    <a:gd name="connsiteY11" fmla="*/ 1301107 h 2836933"/>
                    <a:gd name="connsiteX12" fmla="*/ 220903 w 1254240"/>
                    <a:gd name="connsiteY12" fmla="*/ 563999 h 2836933"/>
                    <a:gd name="connsiteX13" fmla="*/ 140624 w 1254240"/>
                    <a:gd name="connsiteY13" fmla="*/ 1166781 h 2836933"/>
                    <a:gd name="connsiteX14" fmla="*/ 192825 w 1254240"/>
                    <a:gd name="connsiteY14" fmla="*/ 1911840 h 2836933"/>
                    <a:gd name="connsiteX15" fmla="*/ 1954 w 1254240"/>
                    <a:gd name="connsiteY15" fmla="*/ 701911 h 2836933"/>
                    <a:gd name="connsiteX16" fmla="*/ 297778 w 1254240"/>
                    <a:gd name="connsiteY16" fmla="*/ 44153 h 2836933"/>
                    <a:gd name="connsiteX0" fmla="*/ 394031 w 1253739"/>
                    <a:gd name="connsiteY0" fmla="*/ 1 h 2836933"/>
                    <a:gd name="connsiteX1" fmla="*/ 950185 w 1253739"/>
                    <a:gd name="connsiteY1" fmla="*/ 125167 h 2836933"/>
                    <a:gd name="connsiteX2" fmla="*/ 1249979 w 1253739"/>
                    <a:gd name="connsiteY2" fmla="*/ 952869 h 2836933"/>
                    <a:gd name="connsiteX3" fmla="*/ 1046027 w 1253739"/>
                    <a:gd name="connsiteY3" fmla="*/ 1974625 h 2836933"/>
                    <a:gd name="connsiteX4" fmla="*/ 1000477 w 1253739"/>
                    <a:gd name="connsiteY4" fmla="*/ 999620 h 2836933"/>
                    <a:gd name="connsiteX5" fmla="*/ 937089 w 1253739"/>
                    <a:gd name="connsiteY5" fmla="*/ 628451 h 2836933"/>
                    <a:gd name="connsiteX6" fmla="*/ 922669 w 1253739"/>
                    <a:gd name="connsiteY6" fmla="*/ 2643188 h 2836933"/>
                    <a:gd name="connsiteX7" fmla="*/ 579769 w 1253739"/>
                    <a:gd name="connsiteY7" fmla="*/ 2614613 h 2836933"/>
                    <a:gd name="connsiteX8" fmla="*/ 594057 w 1253739"/>
                    <a:gd name="connsiteY8" fmla="*/ 1385888 h 2836933"/>
                    <a:gd name="connsiteX9" fmla="*/ 565481 w 1253739"/>
                    <a:gd name="connsiteY9" fmla="*/ 2686051 h 2836933"/>
                    <a:gd name="connsiteX10" fmla="*/ 236869 w 1253739"/>
                    <a:gd name="connsiteY10" fmla="*/ 2586038 h 2836933"/>
                    <a:gd name="connsiteX11" fmla="*/ 214089 w 1253739"/>
                    <a:gd name="connsiteY11" fmla="*/ 1301107 h 2836933"/>
                    <a:gd name="connsiteX12" fmla="*/ 220402 w 1253739"/>
                    <a:gd name="connsiteY12" fmla="*/ 563999 h 2836933"/>
                    <a:gd name="connsiteX13" fmla="*/ 158549 w 1253739"/>
                    <a:gd name="connsiteY13" fmla="*/ 1043102 h 2836933"/>
                    <a:gd name="connsiteX14" fmla="*/ 192324 w 1253739"/>
                    <a:gd name="connsiteY14" fmla="*/ 1911840 h 2836933"/>
                    <a:gd name="connsiteX15" fmla="*/ 1453 w 1253739"/>
                    <a:gd name="connsiteY15" fmla="*/ 701911 h 2836933"/>
                    <a:gd name="connsiteX16" fmla="*/ 297277 w 1253739"/>
                    <a:gd name="connsiteY16" fmla="*/ 44153 h 2836933"/>
                    <a:gd name="connsiteX0" fmla="*/ 394031 w 1253739"/>
                    <a:gd name="connsiteY0" fmla="*/ 1 h 2836933"/>
                    <a:gd name="connsiteX1" fmla="*/ 950185 w 1253739"/>
                    <a:gd name="connsiteY1" fmla="*/ 125167 h 2836933"/>
                    <a:gd name="connsiteX2" fmla="*/ 1249979 w 1253739"/>
                    <a:gd name="connsiteY2" fmla="*/ 952869 h 2836933"/>
                    <a:gd name="connsiteX3" fmla="*/ 1046027 w 1253739"/>
                    <a:gd name="connsiteY3" fmla="*/ 1974625 h 2836933"/>
                    <a:gd name="connsiteX4" fmla="*/ 1000477 w 1253739"/>
                    <a:gd name="connsiteY4" fmla="*/ 999620 h 2836933"/>
                    <a:gd name="connsiteX5" fmla="*/ 937089 w 1253739"/>
                    <a:gd name="connsiteY5" fmla="*/ 628451 h 2836933"/>
                    <a:gd name="connsiteX6" fmla="*/ 922669 w 1253739"/>
                    <a:gd name="connsiteY6" fmla="*/ 2643188 h 2836933"/>
                    <a:gd name="connsiteX7" fmla="*/ 579769 w 1253739"/>
                    <a:gd name="connsiteY7" fmla="*/ 2614613 h 2836933"/>
                    <a:gd name="connsiteX8" fmla="*/ 594057 w 1253739"/>
                    <a:gd name="connsiteY8" fmla="*/ 1385888 h 2836933"/>
                    <a:gd name="connsiteX9" fmla="*/ 565481 w 1253739"/>
                    <a:gd name="connsiteY9" fmla="*/ 2686051 h 2836933"/>
                    <a:gd name="connsiteX10" fmla="*/ 236869 w 1253739"/>
                    <a:gd name="connsiteY10" fmla="*/ 2586038 h 2836933"/>
                    <a:gd name="connsiteX11" fmla="*/ 214089 w 1253739"/>
                    <a:gd name="connsiteY11" fmla="*/ 1301107 h 2836933"/>
                    <a:gd name="connsiteX12" fmla="*/ 220402 w 1253739"/>
                    <a:gd name="connsiteY12" fmla="*/ 563999 h 2836933"/>
                    <a:gd name="connsiteX13" fmla="*/ 158549 w 1253739"/>
                    <a:gd name="connsiteY13" fmla="*/ 1043102 h 2836933"/>
                    <a:gd name="connsiteX14" fmla="*/ 192324 w 1253739"/>
                    <a:gd name="connsiteY14" fmla="*/ 1911840 h 2836933"/>
                    <a:gd name="connsiteX15" fmla="*/ 1453 w 1253739"/>
                    <a:gd name="connsiteY15" fmla="*/ 701911 h 2836933"/>
                    <a:gd name="connsiteX16" fmla="*/ 297277 w 1253739"/>
                    <a:gd name="connsiteY16" fmla="*/ 44153 h 2836933"/>
                    <a:gd name="connsiteX0" fmla="*/ 394571 w 1254279"/>
                    <a:gd name="connsiteY0" fmla="*/ 1 h 2836933"/>
                    <a:gd name="connsiteX1" fmla="*/ 950725 w 1254279"/>
                    <a:gd name="connsiteY1" fmla="*/ 125167 h 2836933"/>
                    <a:gd name="connsiteX2" fmla="*/ 1250519 w 1254279"/>
                    <a:gd name="connsiteY2" fmla="*/ 952869 h 2836933"/>
                    <a:gd name="connsiteX3" fmla="*/ 1046567 w 1254279"/>
                    <a:gd name="connsiteY3" fmla="*/ 1974625 h 2836933"/>
                    <a:gd name="connsiteX4" fmla="*/ 1001017 w 1254279"/>
                    <a:gd name="connsiteY4" fmla="*/ 999620 h 2836933"/>
                    <a:gd name="connsiteX5" fmla="*/ 937629 w 1254279"/>
                    <a:gd name="connsiteY5" fmla="*/ 628451 h 2836933"/>
                    <a:gd name="connsiteX6" fmla="*/ 923209 w 1254279"/>
                    <a:gd name="connsiteY6" fmla="*/ 2643188 h 2836933"/>
                    <a:gd name="connsiteX7" fmla="*/ 580309 w 1254279"/>
                    <a:gd name="connsiteY7" fmla="*/ 2614613 h 2836933"/>
                    <a:gd name="connsiteX8" fmla="*/ 594597 w 1254279"/>
                    <a:gd name="connsiteY8" fmla="*/ 1385888 h 2836933"/>
                    <a:gd name="connsiteX9" fmla="*/ 566021 w 1254279"/>
                    <a:gd name="connsiteY9" fmla="*/ 2686051 h 2836933"/>
                    <a:gd name="connsiteX10" fmla="*/ 237409 w 1254279"/>
                    <a:gd name="connsiteY10" fmla="*/ 2586038 h 2836933"/>
                    <a:gd name="connsiteX11" fmla="*/ 214629 w 1254279"/>
                    <a:gd name="connsiteY11" fmla="*/ 1301107 h 2836933"/>
                    <a:gd name="connsiteX12" fmla="*/ 220942 w 1254279"/>
                    <a:gd name="connsiteY12" fmla="*/ 563999 h 2836933"/>
                    <a:gd name="connsiteX13" fmla="*/ 159089 w 1254279"/>
                    <a:gd name="connsiteY13" fmla="*/ 1043102 h 2836933"/>
                    <a:gd name="connsiteX14" fmla="*/ 192864 w 1254279"/>
                    <a:gd name="connsiteY14" fmla="*/ 1911840 h 2836933"/>
                    <a:gd name="connsiteX15" fmla="*/ 1993 w 1254279"/>
                    <a:gd name="connsiteY15" fmla="*/ 701911 h 2836933"/>
                    <a:gd name="connsiteX16" fmla="*/ 297817 w 1254279"/>
                    <a:gd name="connsiteY16" fmla="*/ 44153 h 2836933"/>
                    <a:gd name="connsiteX0" fmla="*/ 396361 w 1256069"/>
                    <a:gd name="connsiteY0" fmla="*/ 1 h 2836933"/>
                    <a:gd name="connsiteX1" fmla="*/ 952515 w 1256069"/>
                    <a:gd name="connsiteY1" fmla="*/ 125167 h 2836933"/>
                    <a:gd name="connsiteX2" fmla="*/ 1252309 w 1256069"/>
                    <a:gd name="connsiteY2" fmla="*/ 952869 h 2836933"/>
                    <a:gd name="connsiteX3" fmla="*/ 1048357 w 1256069"/>
                    <a:gd name="connsiteY3" fmla="*/ 1974625 h 2836933"/>
                    <a:gd name="connsiteX4" fmla="*/ 1002807 w 1256069"/>
                    <a:gd name="connsiteY4" fmla="*/ 999620 h 2836933"/>
                    <a:gd name="connsiteX5" fmla="*/ 939419 w 1256069"/>
                    <a:gd name="connsiteY5" fmla="*/ 628451 h 2836933"/>
                    <a:gd name="connsiteX6" fmla="*/ 924999 w 1256069"/>
                    <a:gd name="connsiteY6" fmla="*/ 2643188 h 2836933"/>
                    <a:gd name="connsiteX7" fmla="*/ 582099 w 1256069"/>
                    <a:gd name="connsiteY7" fmla="*/ 2614613 h 2836933"/>
                    <a:gd name="connsiteX8" fmla="*/ 596387 w 1256069"/>
                    <a:gd name="connsiteY8" fmla="*/ 1385888 h 2836933"/>
                    <a:gd name="connsiteX9" fmla="*/ 567811 w 1256069"/>
                    <a:gd name="connsiteY9" fmla="*/ 2686051 h 2836933"/>
                    <a:gd name="connsiteX10" fmla="*/ 239199 w 1256069"/>
                    <a:gd name="connsiteY10" fmla="*/ 2586038 h 2836933"/>
                    <a:gd name="connsiteX11" fmla="*/ 216419 w 1256069"/>
                    <a:gd name="connsiteY11" fmla="*/ 1301107 h 2836933"/>
                    <a:gd name="connsiteX12" fmla="*/ 222732 w 1256069"/>
                    <a:gd name="connsiteY12" fmla="*/ 563999 h 2836933"/>
                    <a:gd name="connsiteX13" fmla="*/ 160879 w 1256069"/>
                    <a:gd name="connsiteY13" fmla="*/ 1043102 h 2836933"/>
                    <a:gd name="connsiteX14" fmla="*/ 194654 w 1256069"/>
                    <a:gd name="connsiteY14" fmla="*/ 1911840 h 2836933"/>
                    <a:gd name="connsiteX15" fmla="*/ 3783 w 1256069"/>
                    <a:gd name="connsiteY15" fmla="*/ 701911 h 2836933"/>
                    <a:gd name="connsiteX16" fmla="*/ 299607 w 1256069"/>
                    <a:gd name="connsiteY16" fmla="*/ 44153 h 2836933"/>
                    <a:gd name="connsiteX0" fmla="*/ 394176 w 1253884"/>
                    <a:gd name="connsiteY0" fmla="*/ 1 h 2836933"/>
                    <a:gd name="connsiteX1" fmla="*/ 950330 w 1253884"/>
                    <a:gd name="connsiteY1" fmla="*/ 125167 h 2836933"/>
                    <a:gd name="connsiteX2" fmla="*/ 1250124 w 1253884"/>
                    <a:gd name="connsiteY2" fmla="*/ 952869 h 2836933"/>
                    <a:gd name="connsiteX3" fmla="*/ 1046172 w 1253884"/>
                    <a:gd name="connsiteY3" fmla="*/ 1974625 h 2836933"/>
                    <a:gd name="connsiteX4" fmla="*/ 1000622 w 1253884"/>
                    <a:gd name="connsiteY4" fmla="*/ 999620 h 2836933"/>
                    <a:gd name="connsiteX5" fmla="*/ 937234 w 1253884"/>
                    <a:gd name="connsiteY5" fmla="*/ 628451 h 2836933"/>
                    <a:gd name="connsiteX6" fmla="*/ 922814 w 1253884"/>
                    <a:gd name="connsiteY6" fmla="*/ 2643188 h 2836933"/>
                    <a:gd name="connsiteX7" fmla="*/ 579914 w 1253884"/>
                    <a:gd name="connsiteY7" fmla="*/ 2614613 h 2836933"/>
                    <a:gd name="connsiteX8" fmla="*/ 594202 w 1253884"/>
                    <a:gd name="connsiteY8" fmla="*/ 1385888 h 2836933"/>
                    <a:gd name="connsiteX9" fmla="*/ 565626 w 1253884"/>
                    <a:gd name="connsiteY9" fmla="*/ 2686051 h 2836933"/>
                    <a:gd name="connsiteX10" fmla="*/ 237014 w 1253884"/>
                    <a:gd name="connsiteY10" fmla="*/ 2586038 h 2836933"/>
                    <a:gd name="connsiteX11" fmla="*/ 214234 w 1253884"/>
                    <a:gd name="connsiteY11" fmla="*/ 1301107 h 2836933"/>
                    <a:gd name="connsiteX12" fmla="*/ 220547 w 1253884"/>
                    <a:gd name="connsiteY12" fmla="*/ 563999 h 2836933"/>
                    <a:gd name="connsiteX13" fmla="*/ 158694 w 1253884"/>
                    <a:gd name="connsiteY13" fmla="*/ 1043102 h 2836933"/>
                    <a:gd name="connsiteX14" fmla="*/ 192469 w 1253884"/>
                    <a:gd name="connsiteY14" fmla="*/ 1911840 h 2836933"/>
                    <a:gd name="connsiteX15" fmla="*/ 1598 w 1253884"/>
                    <a:gd name="connsiteY15" fmla="*/ 701911 h 2836933"/>
                    <a:gd name="connsiteX16" fmla="*/ 297422 w 1253884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1043102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1043102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130 w 1262838"/>
                    <a:gd name="connsiteY0" fmla="*/ 1 h 2836933"/>
                    <a:gd name="connsiteX1" fmla="*/ 959284 w 1262838"/>
                    <a:gd name="connsiteY1" fmla="*/ 125167 h 2836933"/>
                    <a:gd name="connsiteX2" fmla="*/ 1259078 w 1262838"/>
                    <a:gd name="connsiteY2" fmla="*/ 952869 h 2836933"/>
                    <a:gd name="connsiteX3" fmla="*/ 1055126 w 1262838"/>
                    <a:gd name="connsiteY3" fmla="*/ 1974625 h 2836933"/>
                    <a:gd name="connsiteX4" fmla="*/ 1009576 w 1262838"/>
                    <a:gd name="connsiteY4" fmla="*/ 999620 h 2836933"/>
                    <a:gd name="connsiteX5" fmla="*/ 946188 w 1262838"/>
                    <a:gd name="connsiteY5" fmla="*/ 628451 h 2836933"/>
                    <a:gd name="connsiteX6" fmla="*/ 931768 w 1262838"/>
                    <a:gd name="connsiteY6" fmla="*/ 2643188 h 2836933"/>
                    <a:gd name="connsiteX7" fmla="*/ 588868 w 1262838"/>
                    <a:gd name="connsiteY7" fmla="*/ 2614613 h 2836933"/>
                    <a:gd name="connsiteX8" fmla="*/ 603156 w 1262838"/>
                    <a:gd name="connsiteY8" fmla="*/ 1385888 h 2836933"/>
                    <a:gd name="connsiteX9" fmla="*/ 574580 w 1262838"/>
                    <a:gd name="connsiteY9" fmla="*/ 2686051 h 2836933"/>
                    <a:gd name="connsiteX10" fmla="*/ 245968 w 1262838"/>
                    <a:gd name="connsiteY10" fmla="*/ 2586038 h 2836933"/>
                    <a:gd name="connsiteX11" fmla="*/ 223188 w 1262838"/>
                    <a:gd name="connsiteY11" fmla="*/ 1301107 h 2836933"/>
                    <a:gd name="connsiteX12" fmla="*/ 229501 w 1262838"/>
                    <a:gd name="connsiteY12" fmla="*/ 563999 h 2836933"/>
                    <a:gd name="connsiteX13" fmla="*/ 167648 w 1262838"/>
                    <a:gd name="connsiteY13" fmla="*/ 1043102 h 2836933"/>
                    <a:gd name="connsiteX14" fmla="*/ 201423 w 1262838"/>
                    <a:gd name="connsiteY14" fmla="*/ 1911840 h 2836933"/>
                    <a:gd name="connsiteX15" fmla="*/ 1339 w 1262838"/>
                    <a:gd name="connsiteY15" fmla="*/ 918348 h 2836933"/>
                    <a:gd name="connsiteX16" fmla="*/ 306376 w 1262838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919423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323 w 1263031"/>
                    <a:gd name="connsiteY0" fmla="*/ 1 h 2836933"/>
                    <a:gd name="connsiteX1" fmla="*/ 959477 w 1263031"/>
                    <a:gd name="connsiteY1" fmla="*/ 125167 h 2836933"/>
                    <a:gd name="connsiteX2" fmla="*/ 1259271 w 1263031"/>
                    <a:gd name="connsiteY2" fmla="*/ 952869 h 2836933"/>
                    <a:gd name="connsiteX3" fmla="*/ 1055319 w 1263031"/>
                    <a:gd name="connsiteY3" fmla="*/ 1974625 h 2836933"/>
                    <a:gd name="connsiteX4" fmla="*/ 1009769 w 1263031"/>
                    <a:gd name="connsiteY4" fmla="*/ 999620 h 2836933"/>
                    <a:gd name="connsiteX5" fmla="*/ 946381 w 1263031"/>
                    <a:gd name="connsiteY5" fmla="*/ 628451 h 2836933"/>
                    <a:gd name="connsiteX6" fmla="*/ 931961 w 1263031"/>
                    <a:gd name="connsiteY6" fmla="*/ 2643188 h 2836933"/>
                    <a:gd name="connsiteX7" fmla="*/ 589061 w 1263031"/>
                    <a:gd name="connsiteY7" fmla="*/ 2614613 h 2836933"/>
                    <a:gd name="connsiteX8" fmla="*/ 603349 w 1263031"/>
                    <a:gd name="connsiteY8" fmla="*/ 1385888 h 2836933"/>
                    <a:gd name="connsiteX9" fmla="*/ 574773 w 1263031"/>
                    <a:gd name="connsiteY9" fmla="*/ 2686051 h 2836933"/>
                    <a:gd name="connsiteX10" fmla="*/ 246161 w 1263031"/>
                    <a:gd name="connsiteY10" fmla="*/ 2586038 h 2836933"/>
                    <a:gd name="connsiteX11" fmla="*/ 223381 w 1263031"/>
                    <a:gd name="connsiteY11" fmla="*/ 1301107 h 2836933"/>
                    <a:gd name="connsiteX12" fmla="*/ 229694 w 1263031"/>
                    <a:gd name="connsiteY12" fmla="*/ 563999 h 2836933"/>
                    <a:gd name="connsiteX13" fmla="*/ 167841 w 1263031"/>
                    <a:gd name="connsiteY13" fmla="*/ 919423 h 2836933"/>
                    <a:gd name="connsiteX14" fmla="*/ 201616 w 1263031"/>
                    <a:gd name="connsiteY14" fmla="*/ 1911840 h 2836933"/>
                    <a:gd name="connsiteX15" fmla="*/ 1532 w 1263031"/>
                    <a:gd name="connsiteY15" fmla="*/ 918348 h 2836933"/>
                    <a:gd name="connsiteX16" fmla="*/ 306569 w 1263031"/>
                    <a:gd name="connsiteY16" fmla="*/ 44153 h 2836933"/>
                    <a:gd name="connsiteX0" fmla="*/ 403252 w 1262960"/>
                    <a:gd name="connsiteY0" fmla="*/ 1 h 2836933"/>
                    <a:gd name="connsiteX1" fmla="*/ 959406 w 1262960"/>
                    <a:gd name="connsiteY1" fmla="*/ 125167 h 2836933"/>
                    <a:gd name="connsiteX2" fmla="*/ 1259200 w 1262960"/>
                    <a:gd name="connsiteY2" fmla="*/ 952869 h 2836933"/>
                    <a:gd name="connsiteX3" fmla="*/ 1055248 w 1262960"/>
                    <a:gd name="connsiteY3" fmla="*/ 1974625 h 2836933"/>
                    <a:gd name="connsiteX4" fmla="*/ 1009698 w 1262960"/>
                    <a:gd name="connsiteY4" fmla="*/ 999620 h 2836933"/>
                    <a:gd name="connsiteX5" fmla="*/ 946310 w 1262960"/>
                    <a:gd name="connsiteY5" fmla="*/ 628451 h 2836933"/>
                    <a:gd name="connsiteX6" fmla="*/ 931890 w 1262960"/>
                    <a:gd name="connsiteY6" fmla="*/ 2643188 h 2836933"/>
                    <a:gd name="connsiteX7" fmla="*/ 588990 w 1262960"/>
                    <a:gd name="connsiteY7" fmla="*/ 2614613 h 2836933"/>
                    <a:gd name="connsiteX8" fmla="*/ 603278 w 1262960"/>
                    <a:gd name="connsiteY8" fmla="*/ 1385888 h 2836933"/>
                    <a:gd name="connsiteX9" fmla="*/ 574702 w 1262960"/>
                    <a:gd name="connsiteY9" fmla="*/ 2686051 h 2836933"/>
                    <a:gd name="connsiteX10" fmla="*/ 246090 w 1262960"/>
                    <a:gd name="connsiteY10" fmla="*/ 2586038 h 2836933"/>
                    <a:gd name="connsiteX11" fmla="*/ 223310 w 1262960"/>
                    <a:gd name="connsiteY11" fmla="*/ 1301107 h 2836933"/>
                    <a:gd name="connsiteX12" fmla="*/ 229623 w 1262960"/>
                    <a:gd name="connsiteY12" fmla="*/ 563999 h 2836933"/>
                    <a:gd name="connsiteX13" fmla="*/ 167770 w 1262960"/>
                    <a:gd name="connsiteY13" fmla="*/ 919423 h 2836933"/>
                    <a:gd name="connsiteX14" fmla="*/ 210757 w 1262960"/>
                    <a:gd name="connsiteY14" fmla="*/ 1757240 h 2836933"/>
                    <a:gd name="connsiteX15" fmla="*/ 1461 w 1262960"/>
                    <a:gd name="connsiteY15" fmla="*/ 918348 h 2836933"/>
                    <a:gd name="connsiteX16" fmla="*/ 306498 w 1262960"/>
                    <a:gd name="connsiteY16" fmla="*/ 44153 h 2836933"/>
                    <a:gd name="connsiteX0" fmla="*/ 458170 w 1317878"/>
                    <a:gd name="connsiteY0" fmla="*/ 1 h 2836933"/>
                    <a:gd name="connsiteX1" fmla="*/ 1014324 w 1317878"/>
                    <a:gd name="connsiteY1" fmla="*/ 125167 h 2836933"/>
                    <a:gd name="connsiteX2" fmla="*/ 1314118 w 1317878"/>
                    <a:gd name="connsiteY2" fmla="*/ 952869 h 2836933"/>
                    <a:gd name="connsiteX3" fmla="*/ 1110166 w 1317878"/>
                    <a:gd name="connsiteY3" fmla="*/ 1974625 h 2836933"/>
                    <a:gd name="connsiteX4" fmla="*/ 1064616 w 1317878"/>
                    <a:gd name="connsiteY4" fmla="*/ 999620 h 2836933"/>
                    <a:gd name="connsiteX5" fmla="*/ 1001228 w 1317878"/>
                    <a:gd name="connsiteY5" fmla="*/ 628451 h 2836933"/>
                    <a:gd name="connsiteX6" fmla="*/ 986808 w 1317878"/>
                    <a:gd name="connsiteY6" fmla="*/ 2643188 h 2836933"/>
                    <a:gd name="connsiteX7" fmla="*/ 643908 w 1317878"/>
                    <a:gd name="connsiteY7" fmla="*/ 2614613 h 2836933"/>
                    <a:gd name="connsiteX8" fmla="*/ 658196 w 1317878"/>
                    <a:gd name="connsiteY8" fmla="*/ 1385888 h 2836933"/>
                    <a:gd name="connsiteX9" fmla="*/ 629620 w 1317878"/>
                    <a:gd name="connsiteY9" fmla="*/ 2686051 h 2836933"/>
                    <a:gd name="connsiteX10" fmla="*/ 301008 w 1317878"/>
                    <a:gd name="connsiteY10" fmla="*/ 2586038 h 2836933"/>
                    <a:gd name="connsiteX11" fmla="*/ 278228 w 1317878"/>
                    <a:gd name="connsiteY11" fmla="*/ 1301107 h 2836933"/>
                    <a:gd name="connsiteX12" fmla="*/ 284541 w 1317878"/>
                    <a:gd name="connsiteY12" fmla="*/ 563999 h 2836933"/>
                    <a:gd name="connsiteX13" fmla="*/ 222688 w 1317878"/>
                    <a:gd name="connsiteY13" fmla="*/ 919423 h 2836933"/>
                    <a:gd name="connsiteX14" fmla="*/ 265675 w 1317878"/>
                    <a:gd name="connsiteY14" fmla="*/ 1757240 h 2836933"/>
                    <a:gd name="connsiteX15" fmla="*/ 1101 w 1317878"/>
                    <a:gd name="connsiteY15" fmla="*/ 949266 h 2836933"/>
                    <a:gd name="connsiteX16" fmla="*/ 361416 w 1317878"/>
                    <a:gd name="connsiteY16" fmla="*/ 44153 h 2836933"/>
                    <a:gd name="connsiteX0" fmla="*/ 430640 w 1290348"/>
                    <a:gd name="connsiteY0" fmla="*/ 1 h 2836933"/>
                    <a:gd name="connsiteX1" fmla="*/ 986794 w 1290348"/>
                    <a:gd name="connsiteY1" fmla="*/ 125167 h 2836933"/>
                    <a:gd name="connsiteX2" fmla="*/ 1286588 w 1290348"/>
                    <a:gd name="connsiteY2" fmla="*/ 952869 h 2836933"/>
                    <a:gd name="connsiteX3" fmla="*/ 1082636 w 1290348"/>
                    <a:gd name="connsiteY3" fmla="*/ 1974625 h 2836933"/>
                    <a:gd name="connsiteX4" fmla="*/ 1037086 w 1290348"/>
                    <a:gd name="connsiteY4" fmla="*/ 999620 h 2836933"/>
                    <a:gd name="connsiteX5" fmla="*/ 973698 w 1290348"/>
                    <a:gd name="connsiteY5" fmla="*/ 628451 h 2836933"/>
                    <a:gd name="connsiteX6" fmla="*/ 959278 w 1290348"/>
                    <a:gd name="connsiteY6" fmla="*/ 2643188 h 2836933"/>
                    <a:gd name="connsiteX7" fmla="*/ 616378 w 1290348"/>
                    <a:gd name="connsiteY7" fmla="*/ 2614613 h 2836933"/>
                    <a:gd name="connsiteX8" fmla="*/ 630666 w 1290348"/>
                    <a:gd name="connsiteY8" fmla="*/ 1385888 h 2836933"/>
                    <a:gd name="connsiteX9" fmla="*/ 602090 w 1290348"/>
                    <a:gd name="connsiteY9" fmla="*/ 2686051 h 2836933"/>
                    <a:gd name="connsiteX10" fmla="*/ 273478 w 1290348"/>
                    <a:gd name="connsiteY10" fmla="*/ 2586038 h 2836933"/>
                    <a:gd name="connsiteX11" fmla="*/ 250698 w 1290348"/>
                    <a:gd name="connsiteY11" fmla="*/ 1301107 h 2836933"/>
                    <a:gd name="connsiteX12" fmla="*/ 257011 w 1290348"/>
                    <a:gd name="connsiteY12" fmla="*/ 563999 h 2836933"/>
                    <a:gd name="connsiteX13" fmla="*/ 195158 w 1290348"/>
                    <a:gd name="connsiteY13" fmla="*/ 919423 h 2836933"/>
                    <a:gd name="connsiteX14" fmla="*/ 238145 w 1290348"/>
                    <a:gd name="connsiteY14" fmla="*/ 1757240 h 2836933"/>
                    <a:gd name="connsiteX15" fmla="*/ 1209 w 1290348"/>
                    <a:gd name="connsiteY15" fmla="*/ 949266 h 2836933"/>
                    <a:gd name="connsiteX16" fmla="*/ 333886 w 1290348"/>
                    <a:gd name="connsiteY16" fmla="*/ 44153 h 2836933"/>
                    <a:gd name="connsiteX0" fmla="*/ 430860 w 1290568"/>
                    <a:gd name="connsiteY0" fmla="*/ 1 h 2836933"/>
                    <a:gd name="connsiteX1" fmla="*/ 987014 w 1290568"/>
                    <a:gd name="connsiteY1" fmla="*/ 125167 h 2836933"/>
                    <a:gd name="connsiteX2" fmla="*/ 1286808 w 1290568"/>
                    <a:gd name="connsiteY2" fmla="*/ 952869 h 2836933"/>
                    <a:gd name="connsiteX3" fmla="*/ 1082856 w 1290568"/>
                    <a:gd name="connsiteY3" fmla="*/ 1974625 h 2836933"/>
                    <a:gd name="connsiteX4" fmla="*/ 1037306 w 1290568"/>
                    <a:gd name="connsiteY4" fmla="*/ 999620 h 2836933"/>
                    <a:gd name="connsiteX5" fmla="*/ 973918 w 1290568"/>
                    <a:gd name="connsiteY5" fmla="*/ 628451 h 2836933"/>
                    <a:gd name="connsiteX6" fmla="*/ 959498 w 1290568"/>
                    <a:gd name="connsiteY6" fmla="*/ 2643188 h 2836933"/>
                    <a:gd name="connsiteX7" fmla="*/ 616598 w 1290568"/>
                    <a:gd name="connsiteY7" fmla="*/ 2614613 h 2836933"/>
                    <a:gd name="connsiteX8" fmla="*/ 630886 w 1290568"/>
                    <a:gd name="connsiteY8" fmla="*/ 1385888 h 2836933"/>
                    <a:gd name="connsiteX9" fmla="*/ 602310 w 1290568"/>
                    <a:gd name="connsiteY9" fmla="*/ 2686051 h 2836933"/>
                    <a:gd name="connsiteX10" fmla="*/ 273698 w 1290568"/>
                    <a:gd name="connsiteY10" fmla="*/ 2586038 h 2836933"/>
                    <a:gd name="connsiteX11" fmla="*/ 250918 w 1290568"/>
                    <a:gd name="connsiteY11" fmla="*/ 1301107 h 2836933"/>
                    <a:gd name="connsiteX12" fmla="*/ 257231 w 1290568"/>
                    <a:gd name="connsiteY12" fmla="*/ 563999 h 2836933"/>
                    <a:gd name="connsiteX13" fmla="*/ 195378 w 1290568"/>
                    <a:gd name="connsiteY13" fmla="*/ 919423 h 2836933"/>
                    <a:gd name="connsiteX14" fmla="*/ 201513 w 1290568"/>
                    <a:gd name="connsiteY14" fmla="*/ 1757240 h 2836933"/>
                    <a:gd name="connsiteX15" fmla="*/ 1429 w 1290568"/>
                    <a:gd name="connsiteY15" fmla="*/ 949266 h 2836933"/>
                    <a:gd name="connsiteX16" fmla="*/ 334106 w 1290568"/>
                    <a:gd name="connsiteY16" fmla="*/ 44153 h 2836933"/>
                    <a:gd name="connsiteX0" fmla="*/ 431081 w 1290789"/>
                    <a:gd name="connsiteY0" fmla="*/ 1 h 2836933"/>
                    <a:gd name="connsiteX1" fmla="*/ 987235 w 1290789"/>
                    <a:gd name="connsiteY1" fmla="*/ 125167 h 2836933"/>
                    <a:gd name="connsiteX2" fmla="*/ 1287029 w 1290789"/>
                    <a:gd name="connsiteY2" fmla="*/ 952869 h 2836933"/>
                    <a:gd name="connsiteX3" fmla="*/ 1083077 w 1290789"/>
                    <a:gd name="connsiteY3" fmla="*/ 1974625 h 2836933"/>
                    <a:gd name="connsiteX4" fmla="*/ 1037527 w 1290789"/>
                    <a:gd name="connsiteY4" fmla="*/ 999620 h 2836933"/>
                    <a:gd name="connsiteX5" fmla="*/ 974139 w 1290789"/>
                    <a:gd name="connsiteY5" fmla="*/ 628451 h 2836933"/>
                    <a:gd name="connsiteX6" fmla="*/ 959719 w 1290789"/>
                    <a:gd name="connsiteY6" fmla="*/ 2643188 h 2836933"/>
                    <a:gd name="connsiteX7" fmla="*/ 616819 w 1290789"/>
                    <a:gd name="connsiteY7" fmla="*/ 2614613 h 2836933"/>
                    <a:gd name="connsiteX8" fmla="*/ 631107 w 1290789"/>
                    <a:gd name="connsiteY8" fmla="*/ 1385888 h 2836933"/>
                    <a:gd name="connsiteX9" fmla="*/ 602531 w 1290789"/>
                    <a:gd name="connsiteY9" fmla="*/ 2686051 h 2836933"/>
                    <a:gd name="connsiteX10" fmla="*/ 273919 w 1290789"/>
                    <a:gd name="connsiteY10" fmla="*/ 2586038 h 2836933"/>
                    <a:gd name="connsiteX11" fmla="*/ 251139 w 1290789"/>
                    <a:gd name="connsiteY11" fmla="*/ 1301107 h 2836933"/>
                    <a:gd name="connsiteX12" fmla="*/ 257452 w 1290789"/>
                    <a:gd name="connsiteY12" fmla="*/ 563999 h 2836933"/>
                    <a:gd name="connsiteX13" fmla="*/ 195599 w 1290789"/>
                    <a:gd name="connsiteY13" fmla="*/ 919423 h 2836933"/>
                    <a:gd name="connsiteX14" fmla="*/ 201734 w 1290789"/>
                    <a:gd name="connsiteY14" fmla="*/ 1757240 h 2836933"/>
                    <a:gd name="connsiteX15" fmla="*/ 1650 w 1290789"/>
                    <a:gd name="connsiteY15" fmla="*/ 949266 h 2836933"/>
                    <a:gd name="connsiteX16" fmla="*/ 334327 w 1290789"/>
                    <a:gd name="connsiteY16" fmla="*/ 44153 h 2836933"/>
                    <a:gd name="connsiteX0" fmla="*/ 431081 w 1290789"/>
                    <a:gd name="connsiteY0" fmla="*/ 1 h 2836933"/>
                    <a:gd name="connsiteX1" fmla="*/ 987235 w 1290789"/>
                    <a:gd name="connsiteY1" fmla="*/ 125167 h 2836933"/>
                    <a:gd name="connsiteX2" fmla="*/ 1287029 w 1290789"/>
                    <a:gd name="connsiteY2" fmla="*/ 952869 h 2836933"/>
                    <a:gd name="connsiteX3" fmla="*/ 1083077 w 1290789"/>
                    <a:gd name="connsiteY3" fmla="*/ 1974625 h 2836933"/>
                    <a:gd name="connsiteX4" fmla="*/ 1037527 w 1290789"/>
                    <a:gd name="connsiteY4" fmla="*/ 999620 h 2836933"/>
                    <a:gd name="connsiteX5" fmla="*/ 974139 w 1290789"/>
                    <a:gd name="connsiteY5" fmla="*/ 628451 h 2836933"/>
                    <a:gd name="connsiteX6" fmla="*/ 959719 w 1290789"/>
                    <a:gd name="connsiteY6" fmla="*/ 2643188 h 2836933"/>
                    <a:gd name="connsiteX7" fmla="*/ 616819 w 1290789"/>
                    <a:gd name="connsiteY7" fmla="*/ 2614613 h 2836933"/>
                    <a:gd name="connsiteX8" fmla="*/ 631107 w 1290789"/>
                    <a:gd name="connsiteY8" fmla="*/ 1385888 h 2836933"/>
                    <a:gd name="connsiteX9" fmla="*/ 602531 w 1290789"/>
                    <a:gd name="connsiteY9" fmla="*/ 2686051 h 2836933"/>
                    <a:gd name="connsiteX10" fmla="*/ 273919 w 1290789"/>
                    <a:gd name="connsiteY10" fmla="*/ 2586038 h 2836933"/>
                    <a:gd name="connsiteX11" fmla="*/ 251139 w 1290789"/>
                    <a:gd name="connsiteY11" fmla="*/ 1301107 h 2836933"/>
                    <a:gd name="connsiteX12" fmla="*/ 257452 w 1290789"/>
                    <a:gd name="connsiteY12" fmla="*/ 563999 h 2836933"/>
                    <a:gd name="connsiteX13" fmla="*/ 195599 w 1290789"/>
                    <a:gd name="connsiteY13" fmla="*/ 919423 h 2836933"/>
                    <a:gd name="connsiteX14" fmla="*/ 201734 w 1290789"/>
                    <a:gd name="connsiteY14" fmla="*/ 1757240 h 2836933"/>
                    <a:gd name="connsiteX15" fmla="*/ 1650 w 1290789"/>
                    <a:gd name="connsiteY15" fmla="*/ 949266 h 2836933"/>
                    <a:gd name="connsiteX16" fmla="*/ 408030 w 1290789"/>
                    <a:gd name="connsiteY16" fmla="*/ 13231 h 2836933"/>
                    <a:gd name="connsiteX0" fmla="*/ 431081 w 1290789"/>
                    <a:gd name="connsiteY0" fmla="*/ 1 h 2836933"/>
                    <a:gd name="connsiteX1" fmla="*/ 406357 w 1290789"/>
                    <a:gd name="connsiteY1" fmla="*/ 21745 h 2836933"/>
                    <a:gd name="connsiteX2" fmla="*/ 987235 w 1290789"/>
                    <a:gd name="connsiteY2" fmla="*/ 125167 h 2836933"/>
                    <a:gd name="connsiteX3" fmla="*/ 1287029 w 1290789"/>
                    <a:gd name="connsiteY3" fmla="*/ 952869 h 2836933"/>
                    <a:gd name="connsiteX4" fmla="*/ 1083077 w 1290789"/>
                    <a:gd name="connsiteY4" fmla="*/ 1974625 h 2836933"/>
                    <a:gd name="connsiteX5" fmla="*/ 1037527 w 1290789"/>
                    <a:gd name="connsiteY5" fmla="*/ 999620 h 2836933"/>
                    <a:gd name="connsiteX6" fmla="*/ 974139 w 1290789"/>
                    <a:gd name="connsiteY6" fmla="*/ 628451 h 2836933"/>
                    <a:gd name="connsiteX7" fmla="*/ 959719 w 1290789"/>
                    <a:gd name="connsiteY7" fmla="*/ 2643188 h 2836933"/>
                    <a:gd name="connsiteX8" fmla="*/ 616819 w 1290789"/>
                    <a:gd name="connsiteY8" fmla="*/ 2614613 h 2836933"/>
                    <a:gd name="connsiteX9" fmla="*/ 631107 w 1290789"/>
                    <a:gd name="connsiteY9" fmla="*/ 1385888 h 2836933"/>
                    <a:gd name="connsiteX10" fmla="*/ 602531 w 1290789"/>
                    <a:gd name="connsiteY10" fmla="*/ 2686051 h 2836933"/>
                    <a:gd name="connsiteX11" fmla="*/ 273919 w 1290789"/>
                    <a:gd name="connsiteY11" fmla="*/ 2586038 h 2836933"/>
                    <a:gd name="connsiteX12" fmla="*/ 251139 w 1290789"/>
                    <a:gd name="connsiteY12" fmla="*/ 1301107 h 2836933"/>
                    <a:gd name="connsiteX13" fmla="*/ 257452 w 1290789"/>
                    <a:gd name="connsiteY13" fmla="*/ 563999 h 2836933"/>
                    <a:gd name="connsiteX14" fmla="*/ 195599 w 1290789"/>
                    <a:gd name="connsiteY14" fmla="*/ 919423 h 2836933"/>
                    <a:gd name="connsiteX15" fmla="*/ 201734 w 1290789"/>
                    <a:gd name="connsiteY15" fmla="*/ 1757240 h 2836933"/>
                    <a:gd name="connsiteX16" fmla="*/ 1650 w 1290789"/>
                    <a:gd name="connsiteY16" fmla="*/ 949266 h 2836933"/>
                    <a:gd name="connsiteX17" fmla="*/ 408030 w 1290789"/>
                    <a:gd name="connsiteY17" fmla="*/ 13231 h 283693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</a:cxnLst>
                  <a:rect l="l" t="t" r="r" b="b"/>
                  <a:pathLst>
                    <a:path w="1290789" h="2836933">
                      <a:moveTo>
                        <a:pt x="431081" y="1"/>
                      </a:moveTo>
                      <a:cubicBezTo>
                        <a:pt x="439244" y="13931"/>
                        <a:pt x="313665" y="884"/>
                        <a:pt x="406357" y="21745"/>
                      </a:cubicBezTo>
                      <a:cubicBezTo>
                        <a:pt x="499049" y="42606"/>
                        <a:pt x="840456" y="-30020"/>
                        <a:pt x="987235" y="125167"/>
                      </a:cubicBezTo>
                      <a:cubicBezTo>
                        <a:pt x="1134014" y="280354"/>
                        <a:pt x="1271055" y="644626"/>
                        <a:pt x="1287029" y="952869"/>
                      </a:cubicBezTo>
                      <a:cubicBezTo>
                        <a:pt x="1303003" y="1261112"/>
                        <a:pt x="1274042" y="2085921"/>
                        <a:pt x="1083077" y="1974625"/>
                      </a:cubicBezTo>
                      <a:cubicBezTo>
                        <a:pt x="892112" y="1863329"/>
                        <a:pt x="1113077" y="1358111"/>
                        <a:pt x="1037527" y="999620"/>
                      </a:cubicBezTo>
                      <a:cubicBezTo>
                        <a:pt x="961977" y="641129"/>
                        <a:pt x="987107" y="354523"/>
                        <a:pt x="974139" y="628451"/>
                      </a:cubicBezTo>
                      <a:cubicBezTo>
                        <a:pt x="961171" y="902379"/>
                        <a:pt x="1019272" y="2312161"/>
                        <a:pt x="959719" y="2643188"/>
                      </a:cubicBezTo>
                      <a:cubicBezTo>
                        <a:pt x="900166" y="2974215"/>
                        <a:pt x="671588" y="2824163"/>
                        <a:pt x="616819" y="2614613"/>
                      </a:cubicBezTo>
                      <a:cubicBezTo>
                        <a:pt x="562050" y="2405063"/>
                        <a:pt x="633488" y="1373982"/>
                        <a:pt x="631107" y="1385888"/>
                      </a:cubicBezTo>
                      <a:cubicBezTo>
                        <a:pt x="628726" y="1397794"/>
                        <a:pt x="662062" y="2486026"/>
                        <a:pt x="602531" y="2686051"/>
                      </a:cubicBezTo>
                      <a:cubicBezTo>
                        <a:pt x="543000" y="2886076"/>
                        <a:pt x="332484" y="2816862"/>
                        <a:pt x="273919" y="2586038"/>
                      </a:cubicBezTo>
                      <a:cubicBezTo>
                        <a:pt x="215354" y="2355214"/>
                        <a:pt x="253883" y="1638113"/>
                        <a:pt x="251139" y="1301107"/>
                      </a:cubicBezTo>
                      <a:cubicBezTo>
                        <a:pt x="248395" y="964101"/>
                        <a:pt x="266709" y="627613"/>
                        <a:pt x="257452" y="563999"/>
                      </a:cubicBezTo>
                      <a:cubicBezTo>
                        <a:pt x="248195" y="500385"/>
                        <a:pt x="203350" y="710243"/>
                        <a:pt x="195599" y="919423"/>
                      </a:cubicBezTo>
                      <a:cubicBezTo>
                        <a:pt x="187848" y="1128603"/>
                        <a:pt x="261698" y="1597669"/>
                        <a:pt x="201734" y="1757240"/>
                      </a:cubicBezTo>
                      <a:cubicBezTo>
                        <a:pt x="141770" y="1916811"/>
                        <a:pt x="-17920" y="1976033"/>
                        <a:pt x="1650" y="949266"/>
                      </a:cubicBezTo>
                      <a:cubicBezTo>
                        <a:pt x="2333" y="208797"/>
                        <a:pt x="418980" y="19404"/>
                        <a:pt x="408030" y="13231"/>
                      </a:cubicBezTo>
                    </a:path>
                  </a:pathLst>
                </a:custGeom>
                <a:solidFill>
                  <a:schemeClr val="accent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SG"/>
                </a:p>
              </p:txBody>
            </p:sp>
          </p:grpSp>
          <p:grpSp>
            <p:nvGrpSpPr>
              <p:cNvPr id="28" name="Group 27"/>
              <p:cNvGrpSpPr/>
              <p:nvPr/>
            </p:nvGrpSpPr>
            <p:grpSpPr>
              <a:xfrm>
                <a:off x="1980424" y="3703977"/>
                <a:ext cx="488058" cy="958591"/>
                <a:chOff x="3682064" y="2728511"/>
                <a:chExt cx="488058" cy="958591"/>
              </a:xfrm>
            </p:grpSpPr>
            <p:sp>
              <p:nvSpPr>
                <p:cNvPr id="29" name="Oval 28"/>
                <p:cNvSpPr/>
                <p:nvPr/>
              </p:nvSpPr>
              <p:spPr>
                <a:xfrm>
                  <a:off x="3775697" y="2728511"/>
                  <a:ext cx="300792" cy="190387"/>
                </a:xfrm>
                <a:prstGeom prst="ellipse">
                  <a:avLst/>
                </a:prstGeom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SG"/>
                </a:p>
              </p:txBody>
            </p:sp>
            <p:sp>
              <p:nvSpPr>
                <p:cNvPr id="30" name="Freeform 29"/>
                <p:cNvSpPr/>
                <p:nvPr/>
              </p:nvSpPr>
              <p:spPr>
                <a:xfrm>
                  <a:off x="3682064" y="2918898"/>
                  <a:ext cx="488058" cy="768204"/>
                </a:xfrm>
                <a:custGeom>
                  <a:avLst/>
                  <a:gdLst>
                    <a:gd name="connsiteX0" fmla="*/ 281161 w 1870175"/>
                    <a:gd name="connsiteY0" fmla="*/ 10184 h 3799857"/>
                    <a:gd name="connsiteX1" fmla="*/ 724073 w 1870175"/>
                    <a:gd name="connsiteY1" fmla="*/ 910297 h 3799857"/>
                    <a:gd name="connsiteX2" fmla="*/ 1138411 w 1870175"/>
                    <a:gd name="connsiteY2" fmla="*/ 953159 h 3799857"/>
                    <a:gd name="connsiteX3" fmla="*/ 1681336 w 1870175"/>
                    <a:gd name="connsiteY3" fmla="*/ 38759 h 3799857"/>
                    <a:gd name="connsiteX4" fmla="*/ 1852786 w 1870175"/>
                    <a:gd name="connsiteY4" fmla="*/ 267359 h 3799857"/>
                    <a:gd name="connsiteX5" fmla="*/ 1309861 w 1870175"/>
                    <a:gd name="connsiteY5" fmla="*/ 1153184 h 3799857"/>
                    <a:gd name="connsiteX6" fmla="*/ 1281286 w 1870175"/>
                    <a:gd name="connsiteY6" fmla="*/ 3482047 h 3799857"/>
                    <a:gd name="connsiteX7" fmla="*/ 938386 w 1870175"/>
                    <a:gd name="connsiteY7" fmla="*/ 3467759 h 3799857"/>
                    <a:gd name="connsiteX8" fmla="*/ 924098 w 1870175"/>
                    <a:gd name="connsiteY8" fmla="*/ 2224747 h 3799857"/>
                    <a:gd name="connsiteX9" fmla="*/ 924098 w 1870175"/>
                    <a:gd name="connsiteY9" fmla="*/ 3539197 h 3799857"/>
                    <a:gd name="connsiteX10" fmla="*/ 595486 w 1870175"/>
                    <a:gd name="connsiteY10" fmla="*/ 3582059 h 3799857"/>
                    <a:gd name="connsiteX11" fmla="*/ 609773 w 1870175"/>
                    <a:gd name="connsiteY11" fmla="*/ 1210334 h 3799857"/>
                    <a:gd name="connsiteX12" fmla="*/ 9698 w 1870175"/>
                    <a:gd name="connsiteY12" fmla="*/ 138772 h 3799857"/>
                    <a:gd name="connsiteX13" fmla="*/ 295448 w 1870175"/>
                    <a:gd name="connsiteY13" fmla="*/ 67334 h 3799857"/>
                    <a:gd name="connsiteX0" fmla="*/ 281161 w 1870175"/>
                    <a:gd name="connsiteY0" fmla="*/ 10184 h 3710679"/>
                    <a:gd name="connsiteX1" fmla="*/ 724073 w 1870175"/>
                    <a:gd name="connsiteY1" fmla="*/ 910297 h 3710679"/>
                    <a:gd name="connsiteX2" fmla="*/ 1138411 w 1870175"/>
                    <a:gd name="connsiteY2" fmla="*/ 953159 h 3710679"/>
                    <a:gd name="connsiteX3" fmla="*/ 1681336 w 1870175"/>
                    <a:gd name="connsiteY3" fmla="*/ 38759 h 3710679"/>
                    <a:gd name="connsiteX4" fmla="*/ 1852786 w 1870175"/>
                    <a:gd name="connsiteY4" fmla="*/ 267359 h 3710679"/>
                    <a:gd name="connsiteX5" fmla="*/ 1309861 w 1870175"/>
                    <a:gd name="connsiteY5" fmla="*/ 1153184 h 3710679"/>
                    <a:gd name="connsiteX6" fmla="*/ 1281286 w 1870175"/>
                    <a:gd name="connsiteY6" fmla="*/ 3482047 h 3710679"/>
                    <a:gd name="connsiteX7" fmla="*/ 938386 w 1870175"/>
                    <a:gd name="connsiteY7" fmla="*/ 3467759 h 3710679"/>
                    <a:gd name="connsiteX8" fmla="*/ 924098 w 1870175"/>
                    <a:gd name="connsiteY8" fmla="*/ 2224747 h 3710679"/>
                    <a:gd name="connsiteX9" fmla="*/ 924098 w 1870175"/>
                    <a:gd name="connsiteY9" fmla="*/ 3539197 h 3710679"/>
                    <a:gd name="connsiteX10" fmla="*/ 595486 w 1870175"/>
                    <a:gd name="connsiteY10" fmla="*/ 3439184 h 3710679"/>
                    <a:gd name="connsiteX11" fmla="*/ 609773 w 1870175"/>
                    <a:gd name="connsiteY11" fmla="*/ 1210334 h 3710679"/>
                    <a:gd name="connsiteX12" fmla="*/ 9698 w 1870175"/>
                    <a:gd name="connsiteY12" fmla="*/ 138772 h 3710679"/>
                    <a:gd name="connsiteX13" fmla="*/ 295448 w 1870175"/>
                    <a:gd name="connsiteY13" fmla="*/ 67334 h 3710679"/>
                    <a:gd name="connsiteX0" fmla="*/ 281161 w 1870175"/>
                    <a:gd name="connsiteY0" fmla="*/ 10184 h 3714089"/>
                    <a:gd name="connsiteX1" fmla="*/ 724073 w 1870175"/>
                    <a:gd name="connsiteY1" fmla="*/ 910297 h 3714089"/>
                    <a:gd name="connsiteX2" fmla="*/ 1138411 w 1870175"/>
                    <a:gd name="connsiteY2" fmla="*/ 953159 h 3714089"/>
                    <a:gd name="connsiteX3" fmla="*/ 1681336 w 1870175"/>
                    <a:gd name="connsiteY3" fmla="*/ 38759 h 3714089"/>
                    <a:gd name="connsiteX4" fmla="*/ 1852786 w 1870175"/>
                    <a:gd name="connsiteY4" fmla="*/ 267359 h 3714089"/>
                    <a:gd name="connsiteX5" fmla="*/ 1309861 w 1870175"/>
                    <a:gd name="connsiteY5" fmla="*/ 1153184 h 3714089"/>
                    <a:gd name="connsiteX6" fmla="*/ 1281286 w 1870175"/>
                    <a:gd name="connsiteY6" fmla="*/ 3496334 h 3714089"/>
                    <a:gd name="connsiteX7" fmla="*/ 938386 w 1870175"/>
                    <a:gd name="connsiteY7" fmla="*/ 3467759 h 3714089"/>
                    <a:gd name="connsiteX8" fmla="*/ 924098 w 1870175"/>
                    <a:gd name="connsiteY8" fmla="*/ 2224747 h 3714089"/>
                    <a:gd name="connsiteX9" fmla="*/ 924098 w 1870175"/>
                    <a:gd name="connsiteY9" fmla="*/ 3539197 h 3714089"/>
                    <a:gd name="connsiteX10" fmla="*/ 595486 w 1870175"/>
                    <a:gd name="connsiteY10" fmla="*/ 3439184 h 3714089"/>
                    <a:gd name="connsiteX11" fmla="*/ 609773 w 1870175"/>
                    <a:gd name="connsiteY11" fmla="*/ 1210334 h 3714089"/>
                    <a:gd name="connsiteX12" fmla="*/ 9698 w 1870175"/>
                    <a:gd name="connsiteY12" fmla="*/ 138772 h 3714089"/>
                    <a:gd name="connsiteX13" fmla="*/ 295448 w 1870175"/>
                    <a:gd name="connsiteY13" fmla="*/ 67334 h 3714089"/>
                    <a:gd name="connsiteX0" fmla="*/ 281161 w 1870175"/>
                    <a:gd name="connsiteY0" fmla="*/ 10184 h 3710679"/>
                    <a:gd name="connsiteX1" fmla="*/ 724073 w 1870175"/>
                    <a:gd name="connsiteY1" fmla="*/ 910297 h 3710679"/>
                    <a:gd name="connsiteX2" fmla="*/ 1138411 w 1870175"/>
                    <a:gd name="connsiteY2" fmla="*/ 953159 h 3710679"/>
                    <a:gd name="connsiteX3" fmla="*/ 1681336 w 1870175"/>
                    <a:gd name="connsiteY3" fmla="*/ 38759 h 3710679"/>
                    <a:gd name="connsiteX4" fmla="*/ 1852786 w 1870175"/>
                    <a:gd name="connsiteY4" fmla="*/ 267359 h 3710679"/>
                    <a:gd name="connsiteX5" fmla="*/ 1309861 w 1870175"/>
                    <a:gd name="connsiteY5" fmla="*/ 1153184 h 3710679"/>
                    <a:gd name="connsiteX6" fmla="*/ 1281286 w 1870175"/>
                    <a:gd name="connsiteY6" fmla="*/ 3496334 h 3710679"/>
                    <a:gd name="connsiteX7" fmla="*/ 938386 w 1870175"/>
                    <a:gd name="connsiteY7" fmla="*/ 3467759 h 3710679"/>
                    <a:gd name="connsiteX8" fmla="*/ 924098 w 1870175"/>
                    <a:gd name="connsiteY8" fmla="*/ 2224747 h 3710679"/>
                    <a:gd name="connsiteX9" fmla="*/ 924098 w 1870175"/>
                    <a:gd name="connsiteY9" fmla="*/ 3539197 h 3710679"/>
                    <a:gd name="connsiteX10" fmla="*/ 595486 w 1870175"/>
                    <a:gd name="connsiteY10" fmla="*/ 3439184 h 3710679"/>
                    <a:gd name="connsiteX11" fmla="*/ 609773 w 1870175"/>
                    <a:gd name="connsiteY11" fmla="*/ 1210334 h 3710679"/>
                    <a:gd name="connsiteX12" fmla="*/ 9698 w 1870175"/>
                    <a:gd name="connsiteY12" fmla="*/ 138772 h 3710679"/>
                    <a:gd name="connsiteX13" fmla="*/ 295448 w 1870175"/>
                    <a:gd name="connsiteY13" fmla="*/ 67334 h 3710679"/>
                    <a:gd name="connsiteX0" fmla="*/ 281161 w 1870175"/>
                    <a:gd name="connsiteY0" fmla="*/ 10184 h 3695136"/>
                    <a:gd name="connsiteX1" fmla="*/ 724073 w 1870175"/>
                    <a:gd name="connsiteY1" fmla="*/ 910297 h 3695136"/>
                    <a:gd name="connsiteX2" fmla="*/ 1138411 w 1870175"/>
                    <a:gd name="connsiteY2" fmla="*/ 953159 h 3695136"/>
                    <a:gd name="connsiteX3" fmla="*/ 1681336 w 1870175"/>
                    <a:gd name="connsiteY3" fmla="*/ 38759 h 3695136"/>
                    <a:gd name="connsiteX4" fmla="*/ 1852786 w 1870175"/>
                    <a:gd name="connsiteY4" fmla="*/ 267359 h 3695136"/>
                    <a:gd name="connsiteX5" fmla="*/ 1309861 w 1870175"/>
                    <a:gd name="connsiteY5" fmla="*/ 1153184 h 3695136"/>
                    <a:gd name="connsiteX6" fmla="*/ 1281286 w 1870175"/>
                    <a:gd name="connsiteY6" fmla="*/ 3496334 h 3695136"/>
                    <a:gd name="connsiteX7" fmla="*/ 938386 w 1870175"/>
                    <a:gd name="connsiteY7" fmla="*/ 3467759 h 3695136"/>
                    <a:gd name="connsiteX8" fmla="*/ 924098 w 1870175"/>
                    <a:gd name="connsiteY8" fmla="*/ 2224747 h 3695136"/>
                    <a:gd name="connsiteX9" fmla="*/ 924098 w 1870175"/>
                    <a:gd name="connsiteY9" fmla="*/ 3539197 h 3695136"/>
                    <a:gd name="connsiteX10" fmla="*/ 595486 w 1870175"/>
                    <a:gd name="connsiteY10" fmla="*/ 3439184 h 3695136"/>
                    <a:gd name="connsiteX11" fmla="*/ 609773 w 1870175"/>
                    <a:gd name="connsiteY11" fmla="*/ 1210334 h 3695136"/>
                    <a:gd name="connsiteX12" fmla="*/ 9698 w 1870175"/>
                    <a:gd name="connsiteY12" fmla="*/ 138772 h 3695136"/>
                    <a:gd name="connsiteX13" fmla="*/ 295448 w 1870175"/>
                    <a:gd name="connsiteY13" fmla="*/ 67334 h 3695136"/>
                    <a:gd name="connsiteX0" fmla="*/ 281161 w 1870175"/>
                    <a:gd name="connsiteY0" fmla="*/ 10184 h 3694199"/>
                    <a:gd name="connsiteX1" fmla="*/ 724073 w 1870175"/>
                    <a:gd name="connsiteY1" fmla="*/ 91029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95536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70175"/>
                    <a:gd name="connsiteY0" fmla="*/ 10184 h 3694199"/>
                    <a:gd name="connsiteX1" fmla="*/ 724073 w 1870175"/>
                    <a:gd name="connsiteY1" fmla="*/ 91029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52674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70175"/>
                    <a:gd name="connsiteY0" fmla="*/ 10184 h 3694199"/>
                    <a:gd name="connsiteX1" fmla="*/ 752648 w 1870175"/>
                    <a:gd name="connsiteY1" fmla="*/ 85314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52674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3912"/>
                    <a:gd name="connsiteY0" fmla="*/ 947 h 3684962"/>
                    <a:gd name="connsiteX1" fmla="*/ 752648 w 1863912"/>
                    <a:gd name="connsiteY1" fmla="*/ 843910 h 3684962"/>
                    <a:gd name="connsiteX2" fmla="*/ 1195561 w 1863912"/>
                    <a:gd name="connsiteY2" fmla="*/ 872484 h 3684962"/>
                    <a:gd name="connsiteX3" fmla="*/ 1638473 w 1863912"/>
                    <a:gd name="connsiteY3" fmla="*/ 129535 h 3684962"/>
                    <a:gd name="connsiteX4" fmla="*/ 1852786 w 1863912"/>
                    <a:gd name="connsiteY4" fmla="*/ 258122 h 3684962"/>
                    <a:gd name="connsiteX5" fmla="*/ 1309861 w 1863912"/>
                    <a:gd name="connsiteY5" fmla="*/ 1143947 h 3684962"/>
                    <a:gd name="connsiteX6" fmla="*/ 1281286 w 1863912"/>
                    <a:gd name="connsiteY6" fmla="*/ 3487097 h 3684962"/>
                    <a:gd name="connsiteX7" fmla="*/ 938386 w 1863912"/>
                    <a:gd name="connsiteY7" fmla="*/ 3458522 h 3684962"/>
                    <a:gd name="connsiteX8" fmla="*/ 952674 w 1863912"/>
                    <a:gd name="connsiteY8" fmla="*/ 2229797 h 3684962"/>
                    <a:gd name="connsiteX9" fmla="*/ 924098 w 1863912"/>
                    <a:gd name="connsiteY9" fmla="*/ 3529960 h 3684962"/>
                    <a:gd name="connsiteX10" fmla="*/ 595486 w 1863912"/>
                    <a:gd name="connsiteY10" fmla="*/ 3429947 h 3684962"/>
                    <a:gd name="connsiteX11" fmla="*/ 609773 w 1863912"/>
                    <a:gd name="connsiteY11" fmla="*/ 1201097 h 3684962"/>
                    <a:gd name="connsiteX12" fmla="*/ 9698 w 1863912"/>
                    <a:gd name="connsiteY12" fmla="*/ 129535 h 3684962"/>
                    <a:gd name="connsiteX13" fmla="*/ 295448 w 1863912"/>
                    <a:gd name="connsiteY13" fmla="*/ 58097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242888 w 1863912"/>
                    <a:gd name="connsiteY13" fmla="*/ 28466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42950 w 1863912"/>
                    <a:gd name="connsiteY13" fmla="*/ 871429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42950 w 1863912"/>
                    <a:gd name="connsiteY13" fmla="*/ 871429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71525 w 1863912"/>
                    <a:gd name="connsiteY13" fmla="*/ 842854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857250 w 1863912"/>
                    <a:gd name="connsiteY13" fmla="*/ 742842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57237 w 1863912"/>
                    <a:gd name="connsiteY13" fmla="*/ 857142 h 3684962"/>
                    <a:gd name="connsiteX0" fmla="*/ 752083 w 1863347"/>
                    <a:gd name="connsiteY0" fmla="*/ 872680 h 3713732"/>
                    <a:gd name="connsiteX1" fmla="*/ 1194996 w 1863347"/>
                    <a:gd name="connsiteY1" fmla="*/ 901254 h 3713732"/>
                    <a:gd name="connsiteX2" fmla="*/ 1637908 w 1863347"/>
                    <a:gd name="connsiteY2" fmla="*/ 158305 h 3713732"/>
                    <a:gd name="connsiteX3" fmla="*/ 1852221 w 1863347"/>
                    <a:gd name="connsiteY3" fmla="*/ 286892 h 3713732"/>
                    <a:gd name="connsiteX4" fmla="*/ 1309296 w 1863347"/>
                    <a:gd name="connsiteY4" fmla="*/ 1172717 h 3713732"/>
                    <a:gd name="connsiteX5" fmla="*/ 1280721 w 1863347"/>
                    <a:gd name="connsiteY5" fmla="*/ 3515867 h 3713732"/>
                    <a:gd name="connsiteX6" fmla="*/ 937821 w 1863347"/>
                    <a:gd name="connsiteY6" fmla="*/ 3487292 h 3713732"/>
                    <a:gd name="connsiteX7" fmla="*/ 952109 w 1863347"/>
                    <a:gd name="connsiteY7" fmla="*/ 2258567 h 3713732"/>
                    <a:gd name="connsiteX8" fmla="*/ 923533 w 1863347"/>
                    <a:gd name="connsiteY8" fmla="*/ 3558730 h 3713732"/>
                    <a:gd name="connsiteX9" fmla="*/ 594921 w 1863347"/>
                    <a:gd name="connsiteY9" fmla="*/ 3458717 h 3713732"/>
                    <a:gd name="connsiteX10" fmla="*/ 609208 w 1863347"/>
                    <a:gd name="connsiteY10" fmla="*/ 1229867 h 3713732"/>
                    <a:gd name="connsiteX11" fmla="*/ 9133 w 1863347"/>
                    <a:gd name="connsiteY11" fmla="*/ 158305 h 3713732"/>
                    <a:gd name="connsiteX12" fmla="*/ 294883 w 1863347"/>
                    <a:gd name="connsiteY12" fmla="*/ 86867 h 3713732"/>
                    <a:gd name="connsiteX13" fmla="*/ 756672 w 1863347"/>
                    <a:gd name="connsiteY13" fmla="*/ 885912 h 3713732"/>
                    <a:gd name="connsiteX0" fmla="*/ 752083 w 1639561"/>
                    <a:gd name="connsiteY0" fmla="*/ 872680 h 3713732"/>
                    <a:gd name="connsiteX1" fmla="*/ 1194996 w 1639561"/>
                    <a:gd name="connsiteY1" fmla="*/ 901254 h 3713732"/>
                    <a:gd name="connsiteX2" fmla="*/ 1637908 w 1639561"/>
                    <a:gd name="connsiteY2" fmla="*/ 158305 h 3713732"/>
                    <a:gd name="connsiteX3" fmla="*/ 1344329 w 1639561"/>
                    <a:gd name="connsiteY3" fmla="*/ 2847304 h 3713732"/>
                    <a:gd name="connsiteX4" fmla="*/ 1309296 w 1639561"/>
                    <a:gd name="connsiteY4" fmla="*/ 1172717 h 3713732"/>
                    <a:gd name="connsiteX5" fmla="*/ 1280721 w 1639561"/>
                    <a:gd name="connsiteY5" fmla="*/ 3515867 h 3713732"/>
                    <a:gd name="connsiteX6" fmla="*/ 937821 w 1639561"/>
                    <a:gd name="connsiteY6" fmla="*/ 3487292 h 3713732"/>
                    <a:gd name="connsiteX7" fmla="*/ 952109 w 1639561"/>
                    <a:gd name="connsiteY7" fmla="*/ 2258567 h 3713732"/>
                    <a:gd name="connsiteX8" fmla="*/ 923533 w 1639561"/>
                    <a:gd name="connsiteY8" fmla="*/ 3558730 h 3713732"/>
                    <a:gd name="connsiteX9" fmla="*/ 594921 w 1639561"/>
                    <a:gd name="connsiteY9" fmla="*/ 3458717 h 3713732"/>
                    <a:gd name="connsiteX10" fmla="*/ 609208 w 1639561"/>
                    <a:gd name="connsiteY10" fmla="*/ 1229867 h 3713732"/>
                    <a:gd name="connsiteX11" fmla="*/ 9133 w 1639561"/>
                    <a:gd name="connsiteY11" fmla="*/ 158305 h 3713732"/>
                    <a:gd name="connsiteX12" fmla="*/ 294883 w 1639561"/>
                    <a:gd name="connsiteY12" fmla="*/ 86867 h 3713732"/>
                    <a:gd name="connsiteX13" fmla="*/ 756672 w 1639561"/>
                    <a:gd name="connsiteY13" fmla="*/ 885912 h 3713732"/>
                    <a:gd name="connsiteX0" fmla="*/ 752083 w 1580163"/>
                    <a:gd name="connsiteY0" fmla="*/ 872680 h 3713732"/>
                    <a:gd name="connsiteX1" fmla="*/ 1194996 w 1580163"/>
                    <a:gd name="connsiteY1" fmla="*/ 901254 h 3713732"/>
                    <a:gd name="connsiteX2" fmla="*/ 1578155 w 1580163"/>
                    <a:gd name="connsiteY2" fmla="*/ 1468283 h 3713732"/>
                    <a:gd name="connsiteX3" fmla="*/ 1344329 w 1580163"/>
                    <a:gd name="connsiteY3" fmla="*/ 2847304 h 3713732"/>
                    <a:gd name="connsiteX4" fmla="*/ 1309296 w 1580163"/>
                    <a:gd name="connsiteY4" fmla="*/ 1172717 h 3713732"/>
                    <a:gd name="connsiteX5" fmla="*/ 1280721 w 1580163"/>
                    <a:gd name="connsiteY5" fmla="*/ 3515867 h 3713732"/>
                    <a:gd name="connsiteX6" fmla="*/ 937821 w 1580163"/>
                    <a:gd name="connsiteY6" fmla="*/ 3487292 h 3713732"/>
                    <a:gd name="connsiteX7" fmla="*/ 952109 w 1580163"/>
                    <a:gd name="connsiteY7" fmla="*/ 2258567 h 3713732"/>
                    <a:gd name="connsiteX8" fmla="*/ 923533 w 1580163"/>
                    <a:gd name="connsiteY8" fmla="*/ 3558730 h 3713732"/>
                    <a:gd name="connsiteX9" fmla="*/ 594921 w 1580163"/>
                    <a:gd name="connsiteY9" fmla="*/ 3458717 h 3713732"/>
                    <a:gd name="connsiteX10" fmla="*/ 609208 w 1580163"/>
                    <a:gd name="connsiteY10" fmla="*/ 1229867 h 3713732"/>
                    <a:gd name="connsiteX11" fmla="*/ 9133 w 1580163"/>
                    <a:gd name="connsiteY11" fmla="*/ 158305 h 3713732"/>
                    <a:gd name="connsiteX12" fmla="*/ 294883 w 1580163"/>
                    <a:gd name="connsiteY12" fmla="*/ 86867 h 3713732"/>
                    <a:gd name="connsiteX13" fmla="*/ 756672 w 1580163"/>
                    <a:gd name="connsiteY13" fmla="*/ 885912 h 3713732"/>
                    <a:gd name="connsiteX0" fmla="*/ 752083 w 2094644"/>
                    <a:gd name="connsiteY0" fmla="*/ 872680 h 3713732"/>
                    <a:gd name="connsiteX1" fmla="*/ 1194996 w 2094644"/>
                    <a:gd name="connsiteY1" fmla="*/ 901254 h 3713732"/>
                    <a:gd name="connsiteX2" fmla="*/ 1578155 w 2094644"/>
                    <a:gd name="connsiteY2" fmla="*/ 1468283 h 3713732"/>
                    <a:gd name="connsiteX3" fmla="*/ 2091231 w 2094644"/>
                    <a:gd name="connsiteY3" fmla="*/ 2787762 h 3713732"/>
                    <a:gd name="connsiteX4" fmla="*/ 1309296 w 2094644"/>
                    <a:gd name="connsiteY4" fmla="*/ 1172717 h 3713732"/>
                    <a:gd name="connsiteX5" fmla="*/ 1280721 w 2094644"/>
                    <a:gd name="connsiteY5" fmla="*/ 3515867 h 3713732"/>
                    <a:gd name="connsiteX6" fmla="*/ 937821 w 2094644"/>
                    <a:gd name="connsiteY6" fmla="*/ 3487292 h 3713732"/>
                    <a:gd name="connsiteX7" fmla="*/ 952109 w 2094644"/>
                    <a:gd name="connsiteY7" fmla="*/ 2258567 h 3713732"/>
                    <a:gd name="connsiteX8" fmla="*/ 923533 w 2094644"/>
                    <a:gd name="connsiteY8" fmla="*/ 3558730 h 3713732"/>
                    <a:gd name="connsiteX9" fmla="*/ 594921 w 2094644"/>
                    <a:gd name="connsiteY9" fmla="*/ 3458717 h 3713732"/>
                    <a:gd name="connsiteX10" fmla="*/ 609208 w 2094644"/>
                    <a:gd name="connsiteY10" fmla="*/ 1229867 h 3713732"/>
                    <a:gd name="connsiteX11" fmla="*/ 9133 w 2094644"/>
                    <a:gd name="connsiteY11" fmla="*/ 158305 h 3713732"/>
                    <a:gd name="connsiteX12" fmla="*/ 294883 w 2094644"/>
                    <a:gd name="connsiteY12" fmla="*/ 86867 h 3713732"/>
                    <a:gd name="connsiteX13" fmla="*/ 756672 w 2094644"/>
                    <a:gd name="connsiteY13" fmla="*/ 885912 h 3713732"/>
                    <a:gd name="connsiteX0" fmla="*/ 752083 w 1771469"/>
                    <a:gd name="connsiteY0" fmla="*/ 872680 h 3713732"/>
                    <a:gd name="connsiteX1" fmla="*/ 1194996 w 1771469"/>
                    <a:gd name="connsiteY1" fmla="*/ 901254 h 3713732"/>
                    <a:gd name="connsiteX2" fmla="*/ 1578155 w 1771469"/>
                    <a:gd name="connsiteY2" fmla="*/ 1468283 h 3713732"/>
                    <a:gd name="connsiteX3" fmla="*/ 1762593 w 1771469"/>
                    <a:gd name="connsiteY3" fmla="*/ 3323662 h 3713732"/>
                    <a:gd name="connsiteX4" fmla="*/ 1309296 w 1771469"/>
                    <a:gd name="connsiteY4" fmla="*/ 1172717 h 3713732"/>
                    <a:gd name="connsiteX5" fmla="*/ 1280721 w 1771469"/>
                    <a:gd name="connsiteY5" fmla="*/ 3515867 h 3713732"/>
                    <a:gd name="connsiteX6" fmla="*/ 937821 w 1771469"/>
                    <a:gd name="connsiteY6" fmla="*/ 3487292 h 3713732"/>
                    <a:gd name="connsiteX7" fmla="*/ 952109 w 1771469"/>
                    <a:gd name="connsiteY7" fmla="*/ 2258567 h 3713732"/>
                    <a:gd name="connsiteX8" fmla="*/ 923533 w 1771469"/>
                    <a:gd name="connsiteY8" fmla="*/ 3558730 h 3713732"/>
                    <a:gd name="connsiteX9" fmla="*/ 594921 w 1771469"/>
                    <a:gd name="connsiteY9" fmla="*/ 3458717 h 3713732"/>
                    <a:gd name="connsiteX10" fmla="*/ 609208 w 1771469"/>
                    <a:gd name="connsiteY10" fmla="*/ 1229867 h 3713732"/>
                    <a:gd name="connsiteX11" fmla="*/ 9133 w 1771469"/>
                    <a:gd name="connsiteY11" fmla="*/ 158305 h 3713732"/>
                    <a:gd name="connsiteX12" fmla="*/ 294883 w 1771469"/>
                    <a:gd name="connsiteY12" fmla="*/ 86867 h 3713732"/>
                    <a:gd name="connsiteX13" fmla="*/ 756672 w 1771469"/>
                    <a:gd name="connsiteY13" fmla="*/ 885912 h 3713732"/>
                    <a:gd name="connsiteX0" fmla="*/ 752083 w 1762925"/>
                    <a:gd name="connsiteY0" fmla="*/ 872680 h 3713732"/>
                    <a:gd name="connsiteX1" fmla="*/ 1194996 w 1762925"/>
                    <a:gd name="connsiteY1" fmla="*/ 901254 h 3713732"/>
                    <a:gd name="connsiteX2" fmla="*/ 1578155 w 1762925"/>
                    <a:gd name="connsiteY2" fmla="*/ 1468283 h 3713732"/>
                    <a:gd name="connsiteX3" fmla="*/ 1762593 w 1762925"/>
                    <a:gd name="connsiteY3" fmla="*/ 3323662 h 3713732"/>
                    <a:gd name="connsiteX4" fmla="*/ 1537787 w 1762925"/>
                    <a:gd name="connsiteY4" fmla="*/ 2110476 h 3713732"/>
                    <a:gd name="connsiteX5" fmla="*/ 1309296 w 1762925"/>
                    <a:gd name="connsiteY5" fmla="*/ 1172717 h 3713732"/>
                    <a:gd name="connsiteX6" fmla="*/ 1280721 w 1762925"/>
                    <a:gd name="connsiteY6" fmla="*/ 3515867 h 3713732"/>
                    <a:gd name="connsiteX7" fmla="*/ 937821 w 1762925"/>
                    <a:gd name="connsiteY7" fmla="*/ 3487292 h 3713732"/>
                    <a:gd name="connsiteX8" fmla="*/ 952109 w 1762925"/>
                    <a:gd name="connsiteY8" fmla="*/ 2258567 h 3713732"/>
                    <a:gd name="connsiteX9" fmla="*/ 923533 w 1762925"/>
                    <a:gd name="connsiteY9" fmla="*/ 3558730 h 3713732"/>
                    <a:gd name="connsiteX10" fmla="*/ 594921 w 1762925"/>
                    <a:gd name="connsiteY10" fmla="*/ 3458717 h 3713732"/>
                    <a:gd name="connsiteX11" fmla="*/ 609208 w 1762925"/>
                    <a:gd name="connsiteY11" fmla="*/ 1229867 h 3713732"/>
                    <a:gd name="connsiteX12" fmla="*/ 9133 w 1762925"/>
                    <a:gd name="connsiteY12" fmla="*/ 158305 h 3713732"/>
                    <a:gd name="connsiteX13" fmla="*/ 294883 w 1762925"/>
                    <a:gd name="connsiteY13" fmla="*/ 86867 h 3713732"/>
                    <a:gd name="connsiteX14" fmla="*/ 756672 w 1762925"/>
                    <a:gd name="connsiteY14" fmla="*/ 885912 h 3713732"/>
                    <a:gd name="connsiteX0" fmla="*/ 752083 w 1765323"/>
                    <a:gd name="connsiteY0" fmla="*/ 872680 h 3713732"/>
                    <a:gd name="connsiteX1" fmla="*/ 1194996 w 1765323"/>
                    <a:gd name="connsiteY1" fmla="*/ 901254 h 3713732"/>
                    <a:gd name="connsiteX2" fmla="*/ 1578155 w 1765323"/>
                    <a:gd name="connsiteY2" fmla="*/ 1468283 h 3713732"/>
                    <a:gd name="connsiteX3" fmla="*/ 1762593 w 1765323"/>
                    <a:gd name="connsiteY3" fmla="*/ 3323662 h 3713732"/>
                    <a:gd name="connsiteX4" fmla="*/ 1448158 w 1765323"/>
                    <a:gd name="connsiteY4" fmla="*/ 2170023 h 3713732"/>
                    <a:gd name="connsiteX5" fmla="*/ 1309296 w 1765323"/>
                    <a:gd name="connsiteY5" fmla="*/ 1172717 h 3713732"/>
                    <a:gd name="connsiteX6" fmla="*/ 1280721 w 1765323"/>
                    <a:gd name="connsiteY6" fmla="*/ 3515867 h 3713732"/>
                    <a:gd name="connsiteX7" fmla="*/ 937821 w 1765323"/>
                    <a:gd name="connsiteY7" fmla="*/ 3487292 h 3713732"/>
                    <a:gd name="connsiteX8" fmla="*/ 952109 w 1765323"/>
                    <a:gd name="connsiteY8" fmla="*/ 2258567 h 3713732"/>
                    <a:gd name="connsiteX9" fmla="*/ 923533 w 1765323"/>
                    <a:gd name="connsiteY9" fmla="*/ 3558730 h 3713732"/>
                    <a:gd name="connsiteX10" fmla="*/ 594921 w 1765323"/>
                    <a:gd name="connsiteY10" fmla="*/ 3458717 h 3713732"/>
                    <a:gd name="connsiteX11" fmla="*/ 609208 w 1765323"/>
                    <a:gd name="connsiteY11" fmla="*/ 1229867 h 3713732"/>
                    <a:gd name="connsiteX12" fmla="*/ 9133 w 1765323"/>
                    <a:gd name="connsiteY12" fmla="*/ 158305 h 3713732"/>
                    <a:gd name="connsiteX13" fmla="*/ 294883 w 1765323"/>
                    <a:gd name="connsiteY13" fmla="*/ 86867 h 3713732"/>
                    <a:gd name="connsiteX14" fmla="*/ 756672 w 1765323"/>
                    <a:gd name="connsiteY14" fmla="*/ 885912 h 3713732"/>
                    <a:gd name="connsiteX0" fmla="*/ 752083 w 1582466"/>
                    <a:gd name="connsiteY0" fmla="*/ 872680 h 3713732"/>
                    <a:gd name="connsiteX1" fmla="*/ 1194996 w 1582466"/>
                    <a:gd name="connsiteY1" fmla="*/ 901254 h 3713732"/>
                    <a:gd name="connsiteX2" fmla="*/ 1578155 w 1582466"/>
                    <a:gd name="connsiteY2" fmla="*/ 1468283 h 3713732"/>
                    <a:gd name="connsiteX3" fmla="*/ 1404079 w 1582466"/>
                    <a:gd name="connsiteY3" fmla="*/ 2847304 h 3713732"/>
                    <a:gd name="connsiteX4" fmla="*/ 1448158 w 1582466"/>
                    <a:gd name="connsiteY4" fmla="*/ 2170023 h 3713732"/>
                    <a:gd name="connsiteX5" fmla="*/ 1309296 w 1582466"/>
                    <a:gd name="connsiteY5" fmla="*/ 1172717 h 3713732"/>
                    <a:gd name="connsiteX6" fmla="*/ 1280721 w 1582466"/>
                    <a:gd name="connsiteY6" fmla="*/ 3515867 h 3713732"/>
                    <a:gd name="connsiteX7" fmla="*/ 937821 w 1582466"/>
                    <a:gd name="connsiteY7" fmla="*/ 3487292 h 3713732"/>
                    <a:gd name="connsiteX8" fmla="*/ 952109 w 1582466"/>
                    <a:gd name="connsiteY8" fmla="*/ 2258567 h 3713732"/>
                    <a:gd name="connsiteX9" fmla="*/ 923533 w 1582466"/>
                    <a:gd name="connsiteY9" fmla="*/ 3558730 h 3713732"/>
                    <a:gd name="connsiteX10" fmla="*/ 594921 w 1582466"/>
                    <a:gd name="connsiteY10" fmla="*/ 3458717 h 3713732"/>
                    <a:gd name="connsiteX11" fmla="*/ 609208 w 1582466"/>
                    <a:gd name="connsiteY11" fmla="*/ 1229867 h 3713732"/>
                    <a:gd name="connsiteX12" fmla="*/ 9133 w 1582466"/>
                    <a:gd name="connsiteY12" fmla="*/ 158305 h 3713732"/>
                    <a:gd name="connsiteX13" fmla="*/ 294883 w 1582466"/>
                    <a:gd name="connsiteY13" fmla="*/ 86867 h 3713732"/>
                    <a:gd name="connsiteX14" fmla="*/ 756672 w 1582466"/>
                    <a:gd name="connsiteY14" fmla="*/ 885912 h 3713732"/>
                    <a:gd name="connsiteX0" fmla="*/ 752083 w 1582779"/>
                    <a:gd name="connsiteY0" fmla="*/ 872680 h 3713732"/>
                    <a:gd name="connsiteX1" fmla="*/ 1194996 w 1582779"/>
                    <a:gd name="connsiteY1" fmla="*/ 901254 h 3713732"/>
                    <a:gd name="connsiteX2" fmla="*/ 1578155 w 1582779"/>
                    <a:gd name="connsiteY2" fmla="*/ 1468283 h 3713732"/>
                    <a:gd name="connsiteX3" fmla="*/ 1404079 w 1582779"/>
                    <a:gd name="connsiteY3" fmla="*/ 2847304 h 3713732"/>
                    <a:gd name="connsiteX4" fmla="*/ 1358529 w 1582779"/>
                    <a:gd name="connsiteY4" fmla="*/ 1872299 h 3713732"/>
                    <a:gd name="connsiteX5" fmla="*/ 1309296 w 1582779"/>
                    <a:gd name="connsiteY5" fmla="*/ 1172717 h 3713732"/>
                    <a:gd name="connsiteX6" fmla="*/ 1280721 w 1582779"/>
                    <a:gd name="connsiteY6" fmla="*/ 3515867 h 3713732"/>
                    <a:gd name="connsiteX7" fmla="*/ 937821 w 1582779"/>
                    <a:gd name="connsiteY7" fmla="*/ 3487292 h 3713732"/>
                    <a:gd name="connsiteX8" fmla="*/ 952109 w 1582779"/>
                    <a:gd name="connsiteY8" fmla="*/ 2258567 h 3713732"/>
                    <a:gd name="connsiteX9" fmla="*/ 923533 w 1582779"/>
                    <a:gd name="connsiteY9" fmla="*/ 3558730 h 3713732"/>
                    <a:gd name="connsiteX10" fmla="*/ 594921 w 1582779"/>
                    <a:gd name="connsiteY10" fmla="*/ 3458717 h 3713732"/>
                    <a:gd name="connsiteX11" fmla="*/ 609208 w 1582779"/>
                    <a:gd name="connsiteY11" fmla="*/ 1229867 h 3713732"/>
                    <a:gd name="connsiteX12" fmla="*/ 9133 w 1582779"/>
                    <a:gd name="connsiteY12" fmla="*/ 158305 h 3713732"/>
                    <a:gd name="connsiteX13" fmla="*/ 294883 w 1582779"/>
                    <a:gd name="connsiteY13" fmla="*/ 86867 h 3713732"/>
                    <a:gd name="connsiteX14" fmla="*/ 756672 w 1582779"/>
                    <a:gd name="connsiteY14" fmla="*/ 885912 h 3713732"/>
                    <a:gd name="connsiteX0" fmla="*/ 752083 w 1612136"/>
                    <a:gd name="connsiteY0" fmla="*/ 872680 h 3713732"/>
                    <a:gd name="connsiteX1" fmla="*/ 1194996 w 1612136"/>
                    <a:gd name="connsiteY1" fmla="*/ 901254 h 3713732"/>
                    <a:gd name="connsiteX2" fmla="*/ 1608031 w 1612136"/>
                    <a:gd name="connsiteY2" fmla="*/ 1825548 h 3713732"/>
                    <a:gd name="connsiteX3" fmla="*/ 1404079 w 1612136"/>
                    <a:gd name="connsiteY3" fmla="*/ 2847304 h 3713732"/>
                    <a:gd name="connsiteX4" fmla="*/ 1358529 w 1612136"/>
                    <a:gd name="connsiteY4" fmla="*/ 1872299 h 3713732"/>
                    <a:gd name="connsiteX5" fmla="*/ 1309296 w 1612136"/>
                    <a:gd name="connsiteY5" fmla="*/ 1172717 h 3713732"/>
                    <a:gd name="connsiteX6" fmla="*/ 1280721 w 1612136"/>
                    <a:gd name="connsiteY6" fmla="*/ 3515867 h 3713732"/>
                    <a:gd name="connsiteX7" fmla="*/ 937821 w 1612136"/>
                    <a:gd name="connsiteY7" fmla="*/ 3487292 h 3713732"/>
                    <a:gd name="connsiteX8" fmla="*/ 952109 w 1612136"/>
                    <a:gd name="connsiteY8" fmla="*/ 2258567 h 3713732"/>
                    <a:gd name="connsiteX9" fmla="*/ 923533 w 1612136"/>
                    <a:gd name="connsiteY9" fmla="*/ 3558730 h 3713732"/>
                    <a:gd name="connsiteX10" fmla="*/ 594921 w 1612136"/>
                    <a:gd name="connsiteY10" fmla="*/ 3458717 h 3713732"/>
                    <a:gd name="connsiteX11" fmla="*/ 609208 w 1612136"/>
                    <a:gd name="connsiteY11" fmla="*/ 1229867 h 3713732"/>
                    <a:gd name="connsiteX12" fmla="*/ 9133 w 1612136"/>
                    <a:gd name="connsiteY12" fmla="*/ 158305 h 3713732"/>
                    <a:gd name="connsiteX13" fmla="*/ 294883 w 1612136"/>
                    <a:gd name="connsiteY13" fmla="*/ 86867 h 3713732"/>
                    <a:gd name="connsiteX14" fmla="*/ 756672 w 1612136"/>
                    <a:gd name="connsiteY14" fmla="*/ 885912 h 3713732"/>
                    <a:gd name="connsiteX0" fmla="*/ 752083 w 1618536"/>
                    <a:gd name="connsiteY0" fmla="*/ 872680 h 3713732"/>
                    <a:gd name="connsiteX1" fmla="*/ 1194996 w 1618536"/>
                    <a:gd name="connsiteY1" fmla="*/ 901254 h 3713732"/>
                    <a:gd name="connsiteX2" fmla="*/ 1608031 w 1618536"/>
                    <a:gd name="connsiteY2" fmla="*/ 1825548 h 3713732"/>
                    <a:gd name="connsiteX3" fmla="*/ 1404079 w 1618536"/>
                    <a:gd name="connsiteY3" fmla="*/ 2847304 h 3713732"/>
                    <a:gd name="connsiteX4" fmla="*/ 1358529 w 1618536"/>
                    <a:gd name="connsiteY4" fmla="*/ 1872299 h 3713732"/>
                    <a:gd name="connsiteX5" fmla="*/ 1309296 w 1618536"/>
                    <a:gd name="connsiteY5" fmla="*/ 1172717 h 3713732"/>
                    <a:gd name="connsiteX6" fmla="*/ 1280721 w 1618536"/>
                    <a:gd name="connsiteY6" fmla="*/ 3515867 h 3713732"/>
                    <a:gd name="connsiteX7" fmla="*/ 937821 w 1618536"/>
                    <a:gd name="connsiteY7" fmla="*/ 3487292 h 3713732"/>
                    <a:gd name="connsiteX8" fmla="*/ 952109 w 1618536"/>
                    <a:gd name="connsiteY8" fmla="*/ 2258567 h 3713732"/>
                    <a:gd name="connsiteX9" fmla="*/ 923533 w 1618536"/>
                    <a:gd name="connsiteY9" fmla="*/ 3558730 h 3713732"/>
                    <a:gd name="connsiteX10" fmla="*/ 594921 w 1618536"/>
                    <a:gd name="connsiteY10" fmla="*/ 3458717 h 3713732"/>
                    <a:gd name="connsiteX11" fmla="*/ 609208 w 1618536"/>
                    <a:gd name="connsiteY11" fmla="*/ 1229867 h 3713732"/>
                    <a:gd name="connsiteX12" fmla="*/ 9133 w 1618536"/>
                    <a:gd name="connsiteY12" fmla="*/ 158305 h 3713732"/>
                    <a:gd name="connsiteX13" fmla="*/ 294883 w 1618536"/>
                    <a:gd name="connsiteY13" fmla="*/ 86867 h 3713732"/>
                    <a:gd name="connsiteX14" fmla="*/ 756672 w 1618536"/>
                    <a:gd name="connsiteY14" fmla="*/ 885912 h 3713732"/>
                    <a:gd name="connsiteX0" fmla="*/ 752083 w 1618537"/>
                    <a:gd name="connsiteY0" fmla="*/ 872680 h 3713732"/>
                    <a:gd name="connsiteX1" fmla="*/ 1194996 w 1618537"/>
                    <a:gd name="connsiteY1" fmla="*/ 901254 h 3713732"/>
                    <a:gd name="connsiteX2" fmla="*/ 1608031 w 1618537"/>
                    <a:gd name="connsiteY2" fmla="*/ 1825548 h 3713732"/>
                    <a:gd name="connsiteX3" fmla="*/ 1404079 w 1618537"/>
                    <a:gd name="connsiteY3" fmla="*/ 2847304 h 3713732"/>
                    <a:gd name="connsiteX4" fmla="*/ 1358529 w 1618537"/>
                    <a:gd name="connsiteY4" fmla="*/ 1872299 h 3713732"/>
                    <a:gd name="connsiteX5" fmla="*/ 1295141 w 1618537"/>
                    <a:gd name="connsiteY5" fmla="*/ 1501130 h 3713732"/>
                    <a:gd name="connsiteX6" fmla="*/ 1280721 w 1618537"/>
                    <a:gd name="connsiteY6" fmla="*/ 3515867 h 3713732"/>
                    <a:gd name="connsiteX7" fmla="*/ 937821 w 1618537"/>
                    <a:gd name="connsiteY7" fmla="*/ 3487292 h 3713732"/>
                    <a:gd name="connsiteX8" fmla="*/ 952109 w 1618537"/>
                    <a:gd name="connsiteY8" fmla="*/ 2258567 h 3713732"/>
                    <a:gd name="connsiteX9" fmla="*/ 923533 w 1618537"/>
                    <a:gd name="connsiteY9" fmla="*/ 3558730 h 3713732"/>
                    <a:gd name="connsiteX10" fmla="*/ 594921 w 1618537"/>
                    <a:gd name="connsiteY10" fmla="*/ 3458717 h 3713732"/>
                    <a:gd name="connsiteX11" fmla="*/ 609208 w 1618537"/>
                    <a:gd name="connsiteY11" fmla="*/ 1229867 h 3713732"/>
                    <a:gd name="connsiteX12" fmla="*/ 9133 w 1618537"/>
                    <a:gd name="connsiteY12" fmla="*/ 158305 h 3713732"/>
                    <a:gd name="connsiteX13" fmla="*/ 294883 w 1618537"/>
                    <a:gd name="connsiteY13" fmla="*/ 86867 h 3713732"/>
                    <a:gd name="connsiteX14" fmla="*/ 756672 w 1618537"/>
                    <a:gd name="connsiteY14" fmla="*/ 885912 h 3713732"/>
                    <a:gd name="connsiteX0" fmla="*/ 752083 w 1611791"/>
                    <a:gd name="connsiteY0" fmla="*/ 872680 h 3713732"/>
                    <a:gd name="connsiteX1" fmla="*/ 1308237 w 1611791"/>
                    <a:gd name="connsiteY1" fmla="*/ 997846 h 3713732"/>
                    <a:gd name="connsiteX2" fmla="*/ 1608031 w 1611791"/>
                    <a:gd name="connsiteY2" fmla="*/ 1825548 h 3713732"/>
                    <a:gd name="connsiteX3" fmla="*/ 1404079 w 1611791"/>
                    <a:gd name="connsiteY3" fmla="*/ 2847304 h 3713732"/>
                    <a:gd name="connsiteX4" fmla="*/ 1358529 w 1611791"/>
                    <a:gd name="connsiteY4" fmla="*/ 1872299 h 3713732"/>
                    <a:gd name="connsiteX5" fmla="*/ 1295141 w 1611791"/>
                    <a:gd name="connsiteY5" fmla="*/ 1501130 h 3713732"/>
                    <a:gd name="connsiteX6" fmla="*/ 1280721 w 1611791"/>
                    <a:gd name="connsiteY6" fmla="*/ 3515867 h 3713732"/>
                    <a:gd name="connsiteX7" fmla="*/ 937821 w 1611791"/>
                    <a:gd name="connsiteY7" fmla="*/ 3487292 h 3713732"/>
                    <a:gd name="connsiteX8" fmla="*/ 952109 w 1611791"/>
                    <a:gd name="connsiteY8" fmla="*/ 2258567 h 3713732"/>
                    <a:gd name="connsiteX9" fmla="*/ 923533 w 1611791"/>
                    <a:gd name="connsiteY9" fmla="*/ 3558730 h 3713732"/>
                    <a:gd name="connsiteX10" fmla="*/ 594921 w 1611791"/>
                    <a:gd name="connsiteY10" fmla="*/ 3458717 h 3713732"/>
                    <a:gd name="connsiteX11" fmla="*/ 609208 w 1611791"/>
                    <a:gd name="connsiteY11" fmla="*/ 1229867 h 3713732"/>
                    <a:gd name="connsiteX12" fmla="*/ 9133 w 1611791"/>
                    <a:gd name="connsiteY12" fmla="*/ 158305 h 3713732"/>
                    <a:gd name="connsiteX13" fmla="*/ 294883 w 1611791"/>
                    <a:gd name="connsiteY13" fmla="*/ 86867 h 3713732"/>
                    <a:gd name="connsiteX14" fmla="*/ 756672 w 1611791"/>
                    <a:gd name="connsiteY14" fmla="*/ 885912 h 3713732"/>
                    <a:gd name="connsiteX0" fmla="*/ 497308 w 1357016"/>
                    <a:gd name="connsiteY0" fmla="*/ 790697 h 3631749"/>
                    <a:gd name="connsiteX1" fmla="*/ 1053462 w 1357016"/>
                    <a:gd name="connsiteY1" fmla="*/ 915863 h 3631749"/>
                    <a:gd name="connsiteX2" fmla="*/ 1353256 w 1357016"/>
                    <a:gd name="connsiteY2" fmla="*/ 1743565 h 3631749"/>
                    <a:gd name="connsiteX3" fmla="*/ 1149304 w 1357016"/>
                    <a:gd name="connsiteY3" fmla="*/ 2765321 h 3631749"/>
                    <a:gd name="connsiteX4" fmla="*/ 1103754 w 1357016"/>
                    <a:gd name="connsiteY4" fmla="*/ 1790316 h 3631749"/>
                    <a:gd name="connsiteX5" fmla="*/ 1040366 w 1357016"/>
                    <a:gd name="connsiteY5" fmla="*/ 1419147 h 3631749"/>
                    <a:gd name="connsiteX6" fmla="*/ 1025946 w 1357016"/>
                    <a:gd name="connsiteY6" fmla="*/ 3433884 h 3631749"/>
                    <a:gd name="connsiteX7" fmla="*/ 683046 w 1357016"/>
                    <a:gd name="connsiteY7" fmla="*/ 3405309 h 3631749"/>
                    <a:gd name="connsiteX8" fmla="*/ 697334 w 1357016"/>
                    <a:gd name="connsiteY8" fmla="*/ 2176584 h 3631749"/>
                    <a:gd name="connsiteX9" fmla="*/ 668758 w 1357016"/>
                    <a:gd name="connsiteY9" fmla="*/ 3476747 h 3631749"/>
                    <a:gd name="connsiteX10" fmla="*/ 340146 w 1357016"/>
                    <a:gd name="connsiteY10" fmla="*/ 3376734 h 3631749"/>
                    <a:gd name="connsiteX11" fmla="*/ 354433 w 1357016"/>
                    <a:gd name="connsiteY11" fmla="*/ 1147884 h 3631749"/>
                    <a:gd name="connsiteX12" fmla="*/ 277174 w 1357016"/>
                    <a:gd name="connsiteY12" fmla="*/ 2609775 h 3631749"/>
                    <a:gd name="connsiteX13" fmla="*/ 40108 w 1357016"/>
                    <a:gd name="connsiteY13" fmla="*/ 4884 h 3631749"/>
                    <a:gd name="connsiteX14" fmla="*/ 501897 w 1357016"/>
                    <a:gd name="connsiteY14" fmla="*/ 803929 h 3631749"/>
                    <a:gd name="connsiteX0" fmla="*/ 525893 w 1385601"/>
                    <a:gd name="connsiteY0" fmla="*/ 1 h 2841053"/>
                    <a:gd name="connsiteX1" fmla="*/ 1082047 w 1385601"/>
                    <a:gd name="connsiteY1" fmla="*/ 125167 h 2841053"/>
                    <a:gd name="connsiteX2" fmla="*/ 1381841 w 1385601"/>
                    <a:gd name="connsiteY2" fmla="*/ 952869 h 2841053"/>
                    <a:gd name="connsiteX3" fmla="*/ 1177889 w 1385601"/>
                    <a:gd name="connsiteY3" fmla="*/ 1974625 h 2841053"/>
                    <a:gd name="connsiteX4" fmla="*/ 1132339 w 1385601"/>
                    <a:gd name="connsiteY4" fmla="*/ 999620 h 2841053"/>
                    <a:gd name="connsiteX5" fmla="*/ 1068951 w 1385601"/>
                    <a:gd name="connsiteY5" fmla="*/ 628451 h 2841053"/>
                    <a:gd name="connsiteX6" fmla="*/ 1054531 w 1385601"/>
                    <a:gd name="connsiteY6" fmla="*/ 2643188 h 2841053"/>
                    <a:gd name="connsiteX7" fmla="*/ 711631 w 1385601"/>
                    <a:gd name="connsiteY7" fmla="*/ 2614613 h 2841053"/>
                    <a:gd name="connsiteX8" fmla="*/ 725919 w 1385601"/>
                    <a:gd name="connsiteY8" fmla="*/ 1385888 h 2841053"/>
                    <a:gd name="connsiteX9" fmla="*/ 697343 w 1385601"/>
                    <a:gd name="connsiteY9" fmla="*/ 2686051 h 2841053"/>
                    <a:gd name="connsiteX10" fmla="*/ 368731 w 1385601"/>
                    <a:gd name="connsiteY10" fmla="*/ 2586038 h 2841053"/>
                    <a:gd name="connsiteX11" fmla="*/ 383018 w 1385601"/>
                    <a:gd name="connsiteY11" fmla="*/ 357188 h 2841053"/>
                    <a:gd name="connsiteX12" fmla="*/ 305759 w 1385601"/>
                    <a:gd name="connsiteY12" fmla="*/ 1819079 h 2841053"/>
                    <a:gd name="connsiteX13" fmla="*/ 37938 w 1385601"/>
                    <a:gd name="connsiteY13" fmla="*/ 93143 h 2841053"/>
                    <a:gd name="connsiteX14" fmla="*/ 530482 w 1385601"/>
                    <a:gd name="connsiteY14" fmla="*/ 13233 h 2841053"/>
                    <a:gd name="connsiteX0" fmla="*/ 413356 w 1273064"/>
                    <a:gd name="connsiteY0" fmla="*/ 1 h 2841053"/>
                    <a:gd name="connsiteX1" fmla="*/ 969510 w 1273064"/>
                    <a:gd name="connsiteY1" fmla="*/ 125167 h 2841053"/>
                    <a:gd name="connsiteX2" fmla="*/ 1269304 w 1273064"/>
                    <a:gd name="connsiteY2" fmla="*/ 952869 h 2841053"/>
                    <a:gd name="connsiteX3" fmla="*/ 1065352 w 1273064"/>
                    <a:gd name="connsiteY3" fmla="*/ 1974625 h 2841053"/>
                    <a:gd name="connsiteX4" fmla="*/ 1019802 w 1273064"/>
                    <a:gd name="connsiteY4" fmla="*/ 999620 h 2841053"/>
                    <a:gd name="connsiteX5" fmla="*/ 956414 w 1273064"/>
                    <a:gd name="connsiteY5" fmla="*/ 628451 h 2841053"/>
                    <a:gd name="connsiteX6" fmla="*/ 941994 w 1273064"/>
                    <a:gd name="connsiteY6" fmla="*/ 2643188 h 2841053"/>
                    <a:gd name="connsiteX7" fmla="*/ 599094 w 1273064"/>
                    <a:gd name="connsiteY7" fmla="*/ 2614613 h 2841053"/>
                    <a:gd name="connsiteX8" fmla="*/ 613382 w 1273064"/>
                    <a:gd name="connsiteY8" fmla="*/ 1385888 h 2841053"/>
                    <a:gd name="connsiteX9" fmla="*/ 584806 w 1273064"/>
                    <a:gd name="connsiteY9" fmla="*/ 2686051 h 2841053"/>
                    <a:gd name="connsiteX10" fmla="*/ 256194 w 1273064"/>
                    <a:gd name="connsiteY10" fmla="*/ 2586038 h 2841053"/>
                    <a:gd name="connsiteX11" fmla="*/ 270481 w 1273064"/>
                    <a:gd name="connsiteY11" fmla="*/ 357188 h 2841053"/>
                    <a:gd name="connsiteX12" fmla="*/ 193222 w 1273064"/>
                    <a:gd name="connsiteY12" fmla="*/ 1819079 h 2841053"/>
                    <a:gd name="connsiteX13" fmla="*/ 48417 w 1273064"/>
                    <a:gd name="connsiteY13" fmla="*/ 299955 h 2841053"/>
                    <a:gd name="connsiteX14" fmla="*/ 417945 w 1273064"/>
                    <a:gd name="connsiteY14" fmla="*/ 13233 h 2841053"/>
                    <a:gd name="connsiteX0" fmla="*/ 464874 w 1324582"/>
                    <a:gd name="connsiteY0" fmla="*/ 1 h 2841053"/>
                    <a:gd name="connsiteX1" fmla="*/ 1021028 w 1324582"/>
                    <a:gd name="connsiteY1" fmla="*/ 125167 h 2841053"/>
                    <a:gd name="connsiteX2" fmla="*/ 1320822 w 1324582"/>
                    <a:gd name="connsiteY2" fmla="*/ 952869 h 2841053"/>
                    <a:gd name="connsiteX3" fmla="*/ 1116870 w 1324582"/>
                    <a:gd name="connsiteY3" fmla="*/ 1974625 h 2841053"/>
                    <a:gd name="connsiteX4" fmla="*/ 1071320 w 1324582"/>
                    <a:gd name="connsiteY4" fmla="*/ 999620 h 2841053"/>
                    <a:gd name="connsiteX5" fmla="*/ 1007932 w 1324582"/>
                    <a:gd name="connsiteY5" fmla="*/ 628451 h 2841053"/>
                    <a:gd name="connsiteX6" fmla="*/ 993512 w 1324582"/>
                    <a:gd name="connsiteY6" fmla="*/ 2643188 h 2841053"/>
                    <a:gd name="connsiteX7" fmla="*/ 650612 w 1324582"/>
                    <a:gd name="connsiteY7" fmla="*/ 2614613 h 2841053"/>
                    <a:gd name="connsiteX8" fmla="*/ 664900 w 1324582"/>
                    <a:gd name="connsiteY8" fmla="*/ 1385888 h 2841053"/>
                    <a:gd name="connsiteX9" fmla="*/ 636324 w 1324582"/>
                    <a:gd name="connsiteY9" fmla="*/ 2686051 h 2841053"/>
                    <a:gd name="connsiteX10" fmla="*/ 307712 w 1324582"/>
                    <a:gd name="connsiteY10" fmla="*/ 2586038 h 2841053"/>
                    <a:gd name="connsiteX11" fmla="*/ 321999 w 1324582"/>
                    <a:gd name="connsiteY11" fmla="*/ 357188 h 2841053"/>
                    <a:gd name="connsiteX12" fmla="*/ 244740 w 1324582"/>
                    <a:gd name="connsiteY12" fmla="*/ 1819079 h 2841053"/>
                    <a:gd name="connsiteX13" fmla="*/ 99935 w 1324582"/>
                    <a:gd name="connsiteY13" fmla="*/ 299955 h 2841053"/>
                    <a:gd name="connsiteX14" fmla="*/ 469463 w 1324582"/>
                    <a:gd name="connsiteY14" fmla="*/ 13233 h 2841053"/>
                    <a:gd name="connsiteX0" fmla="*/ 464874 w 1324582"/>
                    <a:gd name="connsiteY0" fmla="*/ 49223 h 2890275"/>
                    <a:gd name="connsiteX1" fmla="*/ 1021028 w 1324582"/>
                    <a:gd name="connsiteY1" fmla="*/ 174389 h 2890275"/>
                    <a:gd name="connsiteX2" fmla="*/ 1320822 w 1324582"/>
                    <a:gd name="connsiteY2" fmla="*/ 1002091 h 2890275"/>
                    <a:gd name="connsiteX3" fmla="*/ 1116870 w 1324582"/>
                    <a:gd name="connsiteY3" fmla="*/ 2023847 h 2890275"/>
                    <a:gd name="connsiteX4" fmla="*/ 1071320 w 1324582"/>
                    <a:gd name="connsiteY4" fmla="*/ 1048842 h 2890275"/>
                    <a:gd name="connsiteX5" fmla="*/ 1007932 w 1324582"/>
                    <a:gd name="connsiteY5" fmla="*/ 677673 h 2890275"/>
                    <a:gd name="connsiteX6" fmla="*/ 993512 w 1324582"/>
                    <a:gd name="connsiteY6" fmla="*/ 2692410 h 2890275"/>
                    <a:gd name="connsiteX7" fmla="*/ 650612 w 1324582"/>
                    <a:gd name="connsiteY7" fmla="*/ 2663835 h 2890275"/>
                    <a:gd name="connsiteX8" fmla="*/ 664900 w 1324582"/>
                    <a:gd name="connsiteY8" fmla="*/ 1435110 h 2890275"/>
                    <a:gd name="connsiteX9" fmla="*/ 636324 w 1324582"/>
                    <a:gd name="connsiteY9" fmla="*/ 2735273 h 2890275"/>
                    <a:gd name="connsiteX10" fmla="*/ 307712 w 1324582"/>
                    <a:gd name="connsiteY10" fmla="*/ 2635260 h 2890275"/>
                    <a:gd name="connsiteX11" fmla="*/ 321999 w 1324582"/>
                    <a:gd name="connsiteY11" fmla="*/ 406410 h 2890275"/>
                    <a:gd name="connsiteX12" fmla="*/ 244740 w 1324582"/>
                    <a:gd name="connsiteY12" fmla="*/ 1868301 h 2890275"/>
                    <a:gd name="connsiteX13" fmla="*/ 99935 w 1324582"/>
                    <a:gd name="connsiteY13" fmla="*/ 349177 h 2890275"/>
                    <a:gd name="connsiteX14" fmla="*/ 469463 w 1324582"/>
                    <a:gd name="connsiteY14" fmla="*/ 62455 h 2890275"/>
                    <a:gd name="connsiteX0" fmla="*/ 389388 w 1249096"/>
                    <a:gd name="connsiteY0" fmla="*/ 49223 h 2890275"/>
                    <a:gd name="connsiteX1" fmla="*/ 945542 w 1249096"/>
                    <a:gd name="connsiteY1" fmla="*/ 174389 h 2890275"/>
                    <a:gd name="connsiteX2" fmla="*/ 1245336 w 1249096"/>
                    <a:gd name="connsiteY2" fmla="*/ 1002091 h 2890275"/>
                    <a:gd name="connsiteX3" fmla="*/ 1041384 w 1249096"/>
                    <a:gd name="connsiteY3" fmla="*/ 2023847 h 2890275"/>
                    <a:gd name="connsiteX4" fmla="*/ 995834 w 1249096"/>
                    <a:gd name="connsiteY4" fmla="*/ 1048842 h 2890275"/>
                    <a:gd name="connsiteX5" fmla="*/ 932446 w 1249096"/>
                    <a:gd name="connsiteY5" fmla="*/ 677673 h 2890275"/>
                    <a:gd name="connsiteX6" fmla="*/ 918026 w 1249096"/>
                    <a:gd name="connsiteY6" fmla="*/ 2692410 h 2890275"/>
                    <a:gd name="connsiteX7" fmla="*/ 575126 w 1249096"/>
                    <a:gd name="connsiteY7" fmla="*/ 2663835 h 2890275"/>
                    <a:gd name="connsiteX8" fmla="*/ 589414 w 1249096"/>
                    <a:gd name="connsiteY8" fmla="*/ 1435110 h 2890275"/>
                    <a:gd name="connsiteX9" fmla="*/ 560838 w 1249096"/>
                    <a:gd name="connsiteY9" fmla="*/ 2735273 h 2890275"/>
                    <a:gd name="connsiteX10" fmla="*/ 232226 w 1249096"/>
                    <a:gd name="connsiteY10" fmla="*/ 2635260 h 2890275"/>
                    <a:gd name="connsiteX11" fmla="*/ 246513 w 1249096"/>
                    <a:gd name="connsiteY11" fmla="*/ 406410 h 2890275"/>
                    <a:gd name="connsiteX12" fmla="*/ 169254 w 1249096"/>
                    <a:gd name="connsiteY12" fmla="*/ 1868301 h 2890275"/>
                    <a:gd name="connsiteX13" fmla="*/ 24449 w 1249096"/>
                    <a:gd name="connsiteY13" fmla="*/ 349177 h 2890275"/>
                    <a:gd name="connsiteX14" fmla="*/ 393977 w 1249096"/>
                    <a:gd name="connsiteY14" fmla="*/ 62455 h 2890275"/>
                    <a:gd name="connsiteX0" fmla="*/ 388964 w 1248672"/>
                    <a:gd name="connsiteY0" fmla="*/ 49223 h 2893271"/>
                    <a:gd name="connsiteX1" fmla="*/ 945118 w 1248672"/>
                    <a:gd name="connsiteY1" fmla="*/ 174389 h 2893271"/>
                    <a:gd name="connsiteX2" fmla="*/ 1244912 w 1248672"/>
                    <a:gd name="connsiteY2" fmla="*/ 1002091 h 2893271"/>
                    <a:gd name="connsiteX3" fmla="*/ 1040960 w 1248672"/>
                    <a:gd name="connsiteY3" fmla="*/ 2023847 h 2893271"/>
                    <a:gd name="connsiteX4" fmla="*/ 995410 w 1248672"/>
                    <a:gd name="connsiteY4" fmla="*/ 1048842 h 2893271"/>
                    <a:gd name="connsiteX5" fmla="*/ 932022 w 1248672"/>
                    <a:gd name="connsiteY5" fmla="*/ 677673 h 2893271"/>
                    <a:gd name="connsiteX6" fmla="*/ 917602 w 1248672"/>
                    <a:gd name="connsiteY6" fmla="*/ 2692410 h 2893271"/>
                    <a:gd name="connsiteX7" fmla="*/ 574702 w 1248672"/>
                    <a:gd name="connsiteY7" fmla="*/ 2663835 h 2893271"/>
                    <a:gd name="connsiteX8" fmla="*/ 588990 w 1248672"/>
                    <a:gd name="connsiteY8" fmla="*/ 1435110 h 2893271"/>
                    <a:gd name="connsiteX9" fmla="*/ 560414 w 1248672"/>
                    <a:gd name="connsiteY9" fmla="*/ 2735273 h 2893271"/>
                    <a:gd name="connsiteX10" fmla="*/ 231802 w 1248672"/>
                    <a:gd name="connsiteY10" fmla="*/ 2635260 h 2893271"/>
                    <a:gd name="connsiteX11" fmla="*/ 215335 w 1248672"/>
                    <a:gd name="connsiteY11" fmla="*/ 613221 h 2893271"/>
                    <a:gd name="connsiteX12" fmla="*/ 168830 w 1248672"/>
                    <a:gd name="connsiteY12" fmla="*/ 1868301 h 2893271"/>
                    <a:gd name="connsiteX13" fmla="*/ 24025 w 1248672"/>
                    <a:gd name="connsiteY13" fmla="*/ 349177 h 2893271"/>
                    <a:gd name="connsiteX14" fmla="*/ 393553 w 1248672"/>
                    <a:gd name="connsiteY14" fmla="*/ 62455 h 2893271"/>
                    <a:gd name="connsiteX0" fmla="*/ 386611 w 1246319"/>
                    <a:gd name="connsiteY0" fmla="*/ 49223 h 2893271"/>
                    <a:gd name="connsiteX1" fmla="*/ 942765 w 1246319"/>
                    <a:gd name="connsiteY1" fmla="*/ 174389 h 2893271"/>
                    <a:gd name="connsiteX2" fmla="*/ 1242559 w 1246319"/>
                    <a:gd name="connsiteY2" fmla="*/ 1002091 h 2893271"/>
                    <a:gd name="connsiteX3" fmla="*/ 1038607 w 1246319"/>
                    <a:gd name="connsiteY3" fmla="*/ 2023847 h 2893271"/>
                    <a:gd name="connsiteX4" fmla="*/ 993057 w 1246319"/>
                    <a:gd name="connsiteY4" fmla="*/ 1048842 h 2893271"/>
                    <a:gd name="connsiteX5" fmla="*/ 929669 w 1246319"/>
                    <a:gd name="connsiteY5" fmla="*/ 677673 h 2893271"/>
                    <a:gd name="connsiteX6" fmla="*/ 915249 w 1246319"/>
                    <a:gd name="connsiteY6" fmla="*/ 2692410 h 2893271"/>
                    <a:gd name="connsiteX7" fmla="*/ 572349 w 1246319"/>
                    <a:gd name="connsiteY7" fmla="*/ 2663835 h 2893271"/>
                    <a:gd name="connsiteX8" fmla="*/ 586637 w 1246319"/>
                    <a:gd name="connsiteY8" fmla="*/ 1435110 h 2893271"/>
                    <a:gd name="connsiteX9" fmla="*/ 558061 w 1246319"/>
                    <a:gd name="connsiteY9" fmla="*/ 2735273 h 2893271"/>
                    <a:gd name="connsiteX10" fmla="*/ 229449 w 1246319"/>
                    <a:gd name="connsiteY10" fmla="*/ 2635260 h 2893271"/>
                    <a:gd name="connsiteX11" fmla="*/ 212982 w 1246319"/>
                    <a:gd name="connsiteY11" fmla="*/ 613221 h 2893271"/>
                    <a:gd name="connsiteX12" fmla="*/ 22147 w 1246319"/>
                    <a:gd name="connsiteY12" fmla="*/ 1246923 h 2893271"/>
                    <a:gd name="connsiteX13" fmla="*/ 166477 w 1246319"/>
                    <a:gd name="connsiteY13" fmla="*/ 1868301 h 2893271"/>
                    <a:gd name="connsiteX14" fmla="*/ 21672 w 1246319"/>
                    <a:gd name="connsiteY14" fmla="*/ 349177 h 2893271"/>
                    <a:gd name="connsiteX15" fmla="*/ 391200 w 1246319"/>
                    <a:gd name="connsiteY15" fmla="*/ 62455 h 2893271"/>
                    <a:gd name="connsiteX0" fmla="*/ 386611 w 1246319"/>
                    <a:gd name="connsiteY0" fmla="*/ 49223 h 2886157"/>
                    <a:gd name="connsiteX1" fmla="*/ 942765 w 1246319"/>
                    <a:gd name="connsiteY1" fmla="*/ 174389 h 2886157"/>
                    <a:gd name="connsiteX2" fmla="*/ 1242559 w 1246319"/>
                    <a:gd name="connsiteY2" fmla="*/ 1002091 h 2886157"/>
                    <a:gd name="connsiteX3" fmla="*/ 1038607 w 1246319"/>
                    <a:gd name="connsiteY3" fmla="*/ 2023847 h 2886157"/>
                    <a:gd name="connsiteX4" fmla="*/ 993057 w 1246319"/>
                    <a:gd name="connsiteY4" fmla="*/ 1048842 h 2886157"/>
                    <a:gd name="connsiteX5" fmla="*/ 929669 w 1246319"/>
                    <a:gd name="connsiteY5" fmla="*/ 677673 h 2886157"/>
                    <a:gd name="connsiteX6" fmla="*/ 915249 w 1246319"/>
                    <a:gd name="connsiteY6" fmla="*/ 2692410 h 2886157"/>
                    <a:gd name="connsiteX7" fmla="*/ 572349 w 1246319"/>
                    <a:gd name="connsiteY7" fmla="*/ 2663835 h 2886157"/>
                    <a:gd name="connsiteX8" fmla="*/ 586637 w 1246319"/>
                    <a:gd name="connsiteY8" fmla="*/ 1435110 h 2886157"/>
                    <a:gd name="connsiteX9" fmla="*/ 558061 w 1246319"/>
                    <a:gd name="connsiteY9" fmla="*/ 2735273 h 2886157"/>
                    <a:gd name="connsiteX10" fmla="*/ 229449 w 1246319"/>
                    <a:gd name="connsiteY10" fmla="*/ 2635260 h 2886157"/>
                    <a:gd name="connsiteX11" fmla="*/ 206669 w 1246319"/>
                    <a:gd name="connsiteY11" fmla="*/ 1350329 h 2886157"/>
                    <a:gd name="connsiteX12" fmla="*/ 212982 w 1246319"/>
                    <a:gd name="connsiteY12" fmla="*/ 613221 h 2886157"/>
                    <a:gd name="connsiteX13" fmla="*/ 22147 w 1246319"/>
                    <a:gd name="connsiteY13" fmla="*/ 1246923 h 2886157"/>
                    <a:gd name="connsiteX14" fmla="*/ 166477 w 1246319"/>
                    <a:gd name="connsiteY14" fmla="*/ 1868301 h 2886157"/>
                    <a:gd name="connsiteX15" fmla="*/ 21672 w 1246319"/>
                    <a:gd name="connsiteY15" fmla="*/ 349177 h 2886157"/>
                    <a:gd name="connsiteX16" fmla="*/ 391200 w 1246319"/>
                    <a:gd name="connsiteY16" fmla="*/ 62455 h 2886157"/>
                    <a:gd name="connsiteX0" fmla="*/ 387919 w 1247627"/>
                    <a:gd name="connsiteY0" fmla="*/ 49223 h 2886155"/>
                    <a:gd name="connsiteX1" fmla="*/ 944073 w 1247627"/>
                    <a:gd name="connsiteY1" fmla="*/ 174389 h 2886155"/>
                    <a:gd name="connsiteX2" fmla="*/ 1243867 w 1247627"/>
                    <a:gd name="connsiteY2" fmla="*/ 1002091 h 2886155"/>
                    <a:gd name="connsiteX3" fmla="*/ 1039915 w 1247627"/>
                    <a:gd name="connsiteY3" fmla="*/ 2023847 h 2886155"/>
                    <a:gd name="connsiteX4" fmla="*/ 994365 w 1247627"/>
                    <a:gd name="connsiteY4" fmla="*/ 1048842 h 2886155"/>
                    <a:gd name="connsiteX5" fmla="*/ 930977 w 1247627"/>
                    <a:gd name="connsiteY5" fmla="*/ 677673 h 2886155"/>
                    <a:gd name="connsiteX6" fmla="*/ 916557 w 1247627"/>
                    <a:gd name="connsiteY6" fmla="*/ 2692410 h 2886155"/>
                    <a:gd name="connsiteX7" fmla="*/ 573657 w 1247627"/>
                    <a:gd name="connsiteY7" fmla="*/ 2663835 h 2886155"/>
                    <a:gd name="connsiteX8" fmla="*/ 587945 w 1247627"/>
                    <a:gd name="connsiteY8" fmla="*/ 1435110 h 2886155"/>
                    <a:gd name="connsiteX9" fmla="*/ 559369 w 1247627"/>
                    <a:gd name="connsiteY9" fmla="*/ 2735273 h 2886155"/>
                    <a:gd name="connsiteX10" fmla="*/ 230757 w 1247627"/>
                    <a:gd name="connsiteY10" fmla="*/ 2635260 h 2886155"/>
                    <a:gd name="connsiteX11" fmla="*/ 207977 w 1247627"/>
                    <a:gd name="connsiteY11" fmla="*/ 1350329 h 2886155"/>
                    <a:gd name="connsiteX12" fmla="*/ 214290 w 1247627"/>
                    <a:gd name="connsiteY12" fmla="*/ 613221 h 2886155"/>
                    <a:gd name="connsiteX13" fmla="*/ 134011 w 1247627"/>
                    <a:gd name="connsiteY13" fmla="*/ 1216003 h 2886155"/>
                    <a:gd name="connsiteX14" fmla="*/ 167785 w 1247627"/>
                    <a:gd name="connsiteY14" fmla="*/ 1868301 h 2886155"/>
                    <a:gd name="connsiteX15" fmla="*/ 22980 w 1247627"/>
                    <a:gd name="connsiteY15" fmla="*/ 349177 h 2886155"/>
                    <a:gd name="connsiteX16" fmla="*/ 392508 w 1247627"/>
                    <a:gd name="connsiteY16" fmla="*/ 62455 h 2886155"/>
                    <a:gd name="connsiteX0" fmla="*/ 382115 w 1241823"/>
                    <a:gd name="connsiteY0" fmla="*/ 49223 h 2886155"/>
                    <a:gd name="connsiteX1" fmla="*/ 938269 w 1241823"/>
                    <a:gd name="connsiteY1" fmla="*/ 174389 h 2886155"/>
                    <a:gd name="connsiteX2" fmla="*/ 1238063 w 1241823"/>
                    <a:gd name="connsiteY2" fmla="*/ 1002091 h 2886155"/>
                    <a:gd name="connsiteX3" fmla="*/ 1034111 w 1241823"/>
                    <a:gd name="connsiteY3" fmla="*/ 2023847 h 2886155"/>
                    <a:gd name="connsiteX4" fmla="*/ 988561 w 1241823"/>
                    <a:gd name="connsiteY4" fmla="*/ 1048842 h 2886155"/>
                    <a:gd name="connsiteX5" fmla="*/ 925173 w 1241823"/>
                    <a:gd name="connsiteY5" fmla="*/ 677673 h 2886155"/>
                    <a:gd name="connsiteX6" fmla="*/ 910753 w 1241823"/>
                    <a:gd name="connsiteY6" fmla="*/ 2692410 h 2886155"/>
                    <a:gd name="connsiteX7" fmla="*/ 567853 w 1241823"/>
                    <a:gd name="connsiteY7" fmla="*/ 2663835 h 2886155"/>
                    <a:gd name="connsiteX8" fmla="*/ 582141 w 1241823"/>
                    <a:gd name="connsiteY8" fmla="*/ 1435110 h 2886155"/>
                    <a:gd name="connsiteX9" fmla="*/ 553565 w 1241823"/>
                    <a:gd name="connsiteY9" fmla="*/ 2735273 h 2886155"/>
                    <a:gd name="connsiteX10" fmla="*/ 224953 w 1241823"/>
                    <a:gd name="connsiteY10" fmla="*/ 2635260 h 2886155"/>
                    <a:gd name="connsiteX11" fmla="*/ 202173 w 1241823"/>
                    <a:gd name="connsiteY11" fmla="*/ 1350329 h 2886155"/>
                    <a:gd name="connsiteX12" fmla="*/ 208486 w 1241823"/>
                    <a:gd name="connsiteY12" fmla="*/ 613221 h 2886155"/>
                    <a:gd name="connsiteX13" fmla="*/ 128207 w 1241823"/>
                    <a:gd name="connsiteY13" fmla="*/ 1216003 h 2886155"/>
                    <a:gd name="connsiteX14" fmla="*/ 161981 w 1241823"/>
                    <a:gd name="connsiteY14" fmla="*/ 1868301 h 2886155"/>
                    <a:gd name="connsiteX15" fmla="*/ 17176 w 1241823"/>
                    <a:gd name="connsiteY15" fmla="*/ 349177 h 2886155"/>
                    <a:gd name="connsiteX16" fmla="*/ 386704 w 1241823"/>
                    <a:gd name="connsiteY16" fmla="*/ 62455 h 2886155"/>
                    <a:gd name="connsiteX0" fmla="*/ 391904 w 1251612"/>
                    <a:gd name="connsiteY0" fmla="*/ 49223 h 2886155"/>
                    <a:gd name="connsiteX1" fmla="*/ 948058 w 1251612"/>
                    <a:gd name="connsiteY1" fmla="*/ 174389 h 2886155"/>
                    <a:gd name="connsiteX2" fmla="*/ 1247852 w 1251612"/>
                    <a:gd name="connsiteY2" fmla="*/ 1002091 h 2886155"/>
                    <a:gd name="connsiteX3" fmla="*/ 1043900 w 1251612"/>
                    <a:gd name="connsiteY3" fmla="*/ 2023847 h 2886155"/>
                    <a:gd name="connsiteX4" fmla="*/ 998350 w 1251612"/>
                    <a:gd name="connsiteY4" fmla="*/ 1048842 h 2886155"/>
                    <a:gd name="connsiteX5" fmla="*/ 934962 w 1251612"/>
                    <a:gd name="connsiteY5" fmla="*/ 677673 h 2886155"/>
                    <a:gd name="connsiteX6" fmla="*/ 920542 w 1251612"/>
                    <a:gd name="connsiteY6" fmla="*/ 2692410 h 2886155"/>
                    <a:gd name="connsiteX7" fmla="*/ 577642 w 1251612"/>
                    <a:gd name="connsiteY7" fmla="*/ 2663835 h 2886155"/>
                    <a:gd name="connsiteX8" fmla="*/ 591930 w 1251612"/>
                    <a:gd name="connsiteY8" fmla="*/ 1435110 h 2886155"/>
                    <a:gd name="connsiteX9" fmla="*/ 563354 w 1251612"/>
                    <a:gd name="connsiteY9" fmla="*/ 2735273 h 2886155"/>
                    <a:gd name="connsiteX10" fmla="*/ 234742 w 1251612"/>
                    <a:gd name="connsiteY10" fmla="*/ 2635260 h 2886155"/>
                    <a:gd name="connsiteX11" fmla="*/ 211962 w 1251612"/>
                    <a:gd name="connsiteY11" fmla="*/ 1350329 h 2886155"/>
                    <a:gd name="connsiteX12" fmla="*/ 218275 w 1251612"/>
                    <a:gd name="connsiteY12" fmla="*/ 613221 h 2886155"/>
                    <a:gd name="connsiteX13" fmla="*/ 137996 w 1251612"/>
                    <a:gd name="connsiteY13" fmla="*/ 1216003 h 2886155"/>
                    <a:gd name="connsiteX14" fmla="*/ 171770 w 1251612"/>
                    <a:gd name="connsiteY14" fmla="*/ 1868301 h 2886155"/>
                    <a:gd name="connsiteX15" fmla="*/ 26965 w 1251612"/>
                    <a:gd name="connsiteY15" fmla="*/ 349177 h 2886155"/>
                    <a:gd name="connsiteX16" fmla="*/ 396493 w 1251612"/>
                    <a:gd name="connsiteY16" fmla="*/ 62455 h 2886155"/>
                    <a:gd name="connsiteX0" fmla="*/ 391904 w 1251612"/>
                    <a:gd name="connsiteY0" fmla="*/ 34146 h 2871078"/>
                    <a:gd name="connsiteX1" fmla="*/ 948058 w 1251612"/>
                    <a:gd name="connsiteY1" fmla="*/ 159312 h 2871078"/>
                    <a:gd name="connsiteX2" fmla="*/ 1247852 w 1251612"/>
                    <a:gd name="connsiteY2" fmla="*/ 987014 h 2871078"/>
                    <a:gd name="connsiteX3" fmla="*/ 1043900 w 1251612"/>
                    <a:gd name="connsiteY3" fmla="*/ 2008770 h 2871078"/>
                    <a:gd name="connsiteX4" fmla="*/ 998350 w 1251612"/>
                    <a:gd name="connsiteY4" fmla="*/ 1033765 h 2871078"/>
                    <a:gd name="connsiteX5" fmla="*/ 934962 w 1251612"/>
                    <a:gd name="connsiteY5" fmla="*/ 662596 h 2871078"/>
                    <a:gd name="connsiteX6" fmla="*/ 920542 w 1251612"/>
                    <a:gd name="connsiteY6" fmla="*/ 2677333 h 2871078"/>
                    <a:gd name="connsiteX7" fmla="*/ 577642 w 1251612"/>
                    <a:gd name="connsiteY7" fmla="*/ 2648758 h 2871078"/>
                    <a:gd name="connsiteX8" fmla="*/ 591930 w 1251612"/>
                    <a:gd name="connsiteY8" fmla="*/ 1420033 h 2871078"/>
                    <a:gd name="connsiteX9" fmla="*/ 563354 w 1251612"/>
                    <a:gd name="connsiteY9" fmla="*/ 2720196 h 2871078"/>
                    <a:gd name="connsiteX10" fmla="*/ 234742 w 1251612"/>
                    <a:gd name="connsiteY10" fmla="*/ 2620183 h 2871078"/>
                    <a:gd name="connsiteX11" fmla="*/ 211962 w 1251612"/>
                    <a:gd name="connsiteY11" fmla="*/ 1335252 h 2871078"/>
                    <a:gd name="connsiteX12" fmla="*/ 218275 w 1251612"/>
                    <a:gd name="connsiteY12" fmla="*/ 598144 h 2871078"/>
                    <a:gd name="connsiteX13" fmla="*/ 137996 w 1251612"/>
                    <a:gd name="connsiteY13" fmla="*/ 1200926 h 2871078"/>
                    <a:gd name="connsiteX14" fmla="*/ 171770 w 1251612"/>
                    <a:gd name="connsiteY14" fmla="*/ 1853224 h 2871078"/>
                    <a:gd name="connsiteX15" fmla="*/ 26965 w 1251612"/>
                    <a:gd name="connsiteY15" fmla="*/ 334100 h 2871078"/>
                    <a:gd name="connsiteX16" fmla="*/ 295150 w 1251612"/>
                    <a:gd name="connsiteY16" fmla="*/ 78298 h 2871078"/>
                    <a:gd name="connsiteX0" fmla="*/ 413828 w 1273536"/>
                    <a:gd name="connsiteY0" fmla="*/ 1 h 2836933"/>
                    <a:gd name="connsiteX1" fmla="*/ 969982 w 1273536"/>
                    <a:gd name="connsiteY1" fmla="*/ 125167 h 2836933"/>
                    <a:gd name="connsiteX2" fmla="*/ 1269776 w 1273536"/>
                    <a:gd name="connsiteY2" fmla="*/ 952869 h 2836933"/>
                    <a:gd name="connsiteX3" fmla="*/ 1065824 w 1273536"/>
                    <a:gd name="connsiteY3" fmla="*/ 1974625 h 2836933"/>
                    <a:gd name="connsiteX4" fmla="*/ 1020274 w 1273536"/>
                    <a:gd name="connsiteY4" fmla="*/ 999620 h 2836933"/>
                    <a:gd name="connsiteX5" fmla="*/ 956886 w 1273536"/>
                    <a:gd name="connsiteY5" fmla="*/ 628451 h 2836933"/>
                    <a:gd name="connsiteX6" fmla="*/ 942466 w 1273536"/>
                    <a:gd name="connsiteY6" fmla="*/ 2643188 h 2836933"/>
                    <a:gd name="connsiteX7" fmla="*/ 599566 w 1273536"/>
                    <a:gd name="connsiteY7" fmla="*/ 2614613 h 2836933"/>
                    <a:gd name="connsiteX8" fmla="*/ 613854 w 1273536"/>
                    <a:gd name="connsiteY8" fmla="*/ 1385888 h 2836933"/>
                    <a:gd name="connsiteX9" fmla="*/ 585278 w 1273536"/>
                    <a:gd name="connsiteY9" fmla="*/ 2686051 h 2836933"/>
                    <a:gd name="connsiteX10" fmla="*/ 256666 w 1273536"/>
                    <a:gd name="connsiteY10" fmla="*/ 2586038 h 2836933"/>
                    <a:gd name="connsiteX11" fmla="*/ 233886 w 1273536"/>
                    <a:gd name="connsiteY11" fmla="*/ 1301107 h 2836933"/>
                    <a:gd name="connsiteX12" fmla="*/ 240199 w 1273536"/>
                    <a:gd name="connsiteY12" fmla="*/ 563999 h 2836933"/>
                    <a:gd name="connsiteX13" fmla="*/ 159920 w 1273536"/>
                    <a:gd name="connsiteY13" fmla="*/ 1166781 h 2836933"/>
                    <a:gd name="connsiteX14" fmla="*/ 193694 w 1273536"/>
                    <a:gd name="connsiteY14" fmla="*/ 1819079 h 2836933"/>
                    <a:gd name="connsiteX15" fmla="*/ 21250 w 1273536"/>
                    <a:gd name="connsiteY15" fmla="*/ 701911 h 2836933"/>
                    <a:gd name="connsiteX16" fmla="*/ 317074 w 1273536"/>
                    <a:gd name="connsiteY16" fmla="*/ 44153 h 2836933"/>
                    <a:gd name="connsiteX0" fmla="*/ 394153 w 1253861"/>
                    <a:gd name="connsiteY0" fmla="*/ 1 h 2836933"/>
                    <a:gd name="connsiteX1" fmla="*/ 950307 w 1253861"/>
                    <a:gd name="connsiteY1" fmla="*/ 125167 h 2836933"/>
                    <a:gd name="connsiteX2" fmla="*/ 1250101 w 1253861"/>
                    <a:gd name="connsiteY2" fmla="*/ 952869 h 2836933"/>
                    <a:gd name="connsiteX3" fmla="*/ 1046149 w 1253861"/>
                    <a:gd name="connsiteY3" fmla="*/ 1974625 h 2836933"/>
                    <a:gd name="connsiteX4" fmla="*/ 1000599 w 1253861"/>
                    <a:gd name="connsiteY4" fmla="*/ 999620 h 2836933"/>
                    <a:gd name="connsiteX5" fmla="*/ 937211 w 1253861"/>
                    <a:gd name="connsiteY5" fmla="*/ 628451 h 2836933"/>
                    <a:gd name="connsiteX6" fmla="*/ 922791 w 1253861"/>
                    <a:gd name="connsiteY6" fmla="*/ 2643188 h 2836933"/>
                    <a:gd name="connsiteX7" fmla="*/ 579891 w 1253861"/>
                    <a:gd name="connsiteY7" fmla="*/ 2614613 h 2836933"/>
                    <a:gd name="connsiteX8" fmla="*/ 594179 w 1253861"/>
                    <a:gd name="connsiteY8" fmla="*/ 1385888 h 2836933"/>
                    <a:gd name="connsiteX9" fmla="*/ 565603 w 1253861"/>
                    <a:gd name="connsiteY9" fmla="*/ 2686051 h 2836933"/>
                    <a:gd name="connsiteX10" fmla="*/ 236991 w 1253861"/>
                    <a:gd name="connsiteY10" fmla="*/ 2586038 h 2836933"/>
                    <a:gd name="connsiteX11" fmla="*/ 214211 w 1253861"/>
                    <a:gd name="connsiteY11" fmla="*/ 1301107 h 2836933"/>
                    <a:gd name="connsiteX12" fmla="*/ 220524 w 1253861"/>
                    <a:gd name="connsiteY12" fmla="*/ 563999 h 2836933"/>
                    <a:gd name="connsiteX13" fmla="*/ 140245 w 1253861"/>
                    <a:gd name="connsiteY13" fmla="*/ 1166781 h 2836933"/>
                    <a:gd name="connsiteX14" fmla="*/ 174019 w 1253861"/>
                    <a:gd name="connsiteY14" fmla="*/ 1819079 h 2836933"/>
                    <a:gd name="connsiteX15" fmla="*/ 1575 w 1253861"/>
                    <a:gd name="connsiteY15" fmla="*/ 701911 h 2836933"/>
                    <a:gd name="connsiteX16" fmla="*/ 297399 w 1253861"/>
                    <a:gd name="connsiteY16" fmla="*/ 44153 h 2836933"/>
                    <a:gd name="connsiteX0" fmla="*/ 395210 w 1254918"/>
                    <a:gd name="connsiteY0" fmla="*/ 1 h 2836933"/>
                    <a:gd name="connsiteX1" fmla="*/ 951364 w 1254918"/>
                    <a:gd name="connsiteY1" fmla="*/ 125167 h 2836933"/>
                    <a:gd name="connsiteX2" fmla="*/ 1251158 w 1254918"/>
                    <a:gd name="connsiteY2" fmla="*/ 952869 h 2836933"/>
                    <a:gd name="connsiteX3" fmla="*/ 1047206 w 1254918"/>
                    <a:gd name="connsiteY3" fmla="*/ 1974625 h 2836933"/>
                    <a:gd name="connsiteX4" fmla="*/ 1001656 w 1254918"/>
                    <a:gd name="connsiteY4" fmla="*/ 999620 h 2836933"/>
                    <a:gd name="connsiteX5" fmla="*/ 938268 w 1254918"/>
                    <a:gd name="connsiteY5" fmla="*/ 628451 h 2836933"/>
                    <a:gd name="connsiteX6" fmla="*/ 923848 w 1254918"/>
                    <a:gd name="connsiteY6" fmla="*/ 2643188 h 2836933"/>
                    <a:gd name="connsiteX7" fmla="*/ 580948 w 1254918"/>
                    <a:gd name="connsiteY7" fmla="*/ 2614613 h 2836933"/>
                    <a:gd name="connsiteX8" fmla="*/ 595236 w 1254918"/>
                    <a:gd name="connsiteY8" fmla="*/ 1385888 h 2836933"/>
                    <a:gd name="connsiteX9" fmla="*/ 566660 w 1254918"/>
                    <a:gd name="connsiteY9" fmla="*/ 2686051 h 2836933"/>
                    <a:gd name="connsiteX10" fmla="*/ 238048 w 1254918"/>
                    <a:gd name="connsiteY10" fmla="*/ 2586038 h 2836933"/>
                    <a:gd name="connsiteX11" fmla="*/ 215268 w 1254918"/>
                    <a:gd name="connsiteY11" fmla="*/ 1301107 h 2836933"/>
                    <a:gd name="connsiteX12" fmla="*/ 221581 w 1254918"/>
                    <a:gd name="connsiteY12" fmla="*/ 563999 h 2836933"/>
                    <a:gd name="connsiteX13" fmla="*/ 141302 w 1254918"/>
                    <a:gd name="connsiteY13" fmla="*/ 1166781 h 2836933"/>
                    <a:gd name="connsiteX14" fmla="*/ 101373 w 1254918"/>
                    <a:gd name="connsiteY14" fmla="*/ 2035519 h 2836933"/>
                    <a:gd name="connsiteX15" fmla="*/ 2632 w 1254918"/>
                    <a:gd name="connsiteY15" fmla="*/ 701911 h 2836933"/>
                    <a:gd name="connsiteX16" fmla="*/ 298456 w 1254918"/>
                    <a:gd name="connsiteY16" fmla="*/ 44153 h 2836933"/>
                    <a:gd name="connsiteX0" fmla="*/ 397504 w 1257212"/>
                    <a:gd name="connsiteY0" fmla="*/ 1 h 2836933"/>
                    <a:gd name="connsiteX1" fmla="*/ 953658 w 1257212"/>
                    <a:gd name="connsiteY1" fmla="*/ 125167 h 2836933"/>
                    <a:gd name="connsiteX2" fmla="*/ 1253452 w 1257212"/>
                    <a:gd name="connsiteY2" fmla="*/ 952869 h 2836933"/>
                    <a:gd name="connsiteX3" fmla="*/ 1049500 w 1257212"/>
                    <a:gd name="connsiteY3" fmla="*/ 1974625 h 2836933"/>
                    <a:gd name="connsiteX4" fmla="*/ 1003950 w 1257212"/>
                    <a:gd name="connsiteY4" fmla="*/ 999620 h 2836933"/>
                    <a:gd name="connsiteX5" fmla="*/ 940562 w 1257212"/>
                    <a:gd name="connsiteY5" fmla="*/ 628451 h 2836933"/>
                    <a:gd name="connsiteX6" fmla="*/ 926142 w 1257212"/>
                    <a:gd name="connsiteY6" fmla="*/ 2643188 h 2836933"/>
                    <a:gd name="connsiteX7" fmla="*/ 583242 w 1257212"/>
                    <a:gd name="connsiteY7" fmla="*/ 2614613 h 2836933"/>
                    <a:gd name="connsiteX8" fmla="*/ 597530 w 1257212"/>
                    <a:gd name="connsiteY8" fmla="*/ 1385888 h 2836933"/>
                    <a:gd name="connsiteX9" fmla="*/ 568954 w 1257212"/>
                    <a:gd name="connsiteY9" fmla="*/ 2686051 h 2836933"/>
                    <a:gd name="connsiteX10" fmla="*/ 240342 w 1257212"/>
                    <a:gd name="connsiteY10" fmla="*/ 2586038 h 2836933"/>
                    <a:gd name="connsiteX11" fmla="*/ 217562 w 1257212"/>
                    <a:gd name="connsiteY11" fmla="*/ 1301107 h 2836933"/>
                    <a:gd name="connsiteX12" fmla="*/ 223875 w 1257212"/>
                    <a:gd name="connsiteY12" fmla="*/ 563999 h 2836933"/>
                    <a:gd name="connsiteX13" fmla="*/ 143596 w 1257212"/>
                    <a:gd name="connsiteY13" fmla="*/ 1166781 h 2836933"/>
                    <a:gd name="connsiteX14" fmla="*/ 103667 w 1257212"/>
                    <a:gd name="connsiteY14" fmla="*/ 2035519 h 2836933"/>
                    <a:gd name="connsiteX15" fmla="*/ 4926 w 1257212"/>
                    <a:gd name="connsiteY15" fmla="*/ 701911 h 2836933"/>
                    <a:gd name="connsiteX16" fmla="*/ 300750 w 1257212"/>
                    <a:gd name="connsiteY16" fmla="*/ 44153 h 2836933"/>
                    <a:gd name="connsiteX0" fmla="*/ 394532 w 1254240"/>
                    <a:gd name="connsiteY0" fmla="*/ 1 h 2836933"/>
                    <a:gd name="connsiteX1" fmla="*/ 950686 w 1254240"/>
                    <a:gd name="connsiteY1" fmla="*/ 125167 h 2836933"/>
                    <a:gd name="connsiteX2" fmla="*/ 1250480 w 1254240"/>
                    <a:gd name="connsiteY2" fmla="*/ 952869 h 2836933"/>
                    <a:gd name="connsiteX3" fmla="*/ 1046528 w 1254240"/>
                    <a:gd name="connsiteY3" fmla="*/ 1974625 h 2836933"/>
                    <a:gd name="connsiteX4" fmla="*/ 1000978 w 1254240"/>
                    <a:gd name="connsiteY4" fmla="*/ 999620 h 2836933"/>
                    <a:gd name="connsiteX5" fmla="*/ 937590 w 1254240"/>
                    <a:gd name="connsiteY5" fmla="*/ 628451 h 2836933"/>
                    <a:gd name="connsiteX6" fmla="*/ 923170 w 1254240"/>
                    <a:gd name="connsiteY6" fmla="*/ 2643188 h 2836933"/>
                    <a:gd name="connsiteX7" fmla="*/ 580270 w 1254240"/>
                    <a:gd name="connsiteY7" fmla="*/ 2614613 h 2836933"/>
                    <a:gd name="connsiteX8" fmla="*/ 594558 w 1254240"/>
                    <a:gd name="connsiteY8" fmla="*/ 1385888 h 2836933"/>
                    <a:gd name="connsiteX9" fmla="*/ 565982 w 1254240"/>
                    <a:gd name="connsiteY9" fmla="*/ 2686051 h 2836933"/>
                    <a:gd name="connsiteX10" fmla="*/ 237370 w 1254240"/>
                    <a:gd name="connsiteY10" fmla="*/ 2586038 h 2836933"/>
                    <a:gd name="connsiteX11" fmla="*/ 214590 w 1254240"/>
                    <a:gd name="connsiteY11" fmla="*/ 1301107 h 2836933"/>
                    <a:gd name="connsiteX12" fmla="*/ 220903 w 1254240"/>
                    <a:gd name="connsiteY12" fmla="*/ 563999 h 2836933"/>
                    <a:gd name="connsiteX13" fmla="*/ 140624 w 1254240"/>
                    <a:gd name="connsiteY13" fmla="*/ 1166781 h 2836933"/>
                    <a:gd name="connsiteX14" fmla="*/ 192825 w 1254240"/>
                    <a:gd name="connsiteY14" fmla="*/ 1911840 h 2836933"/>
                    <a:gd name="connsiteX15" fmla="*/ 1954 w 1254240"/>
                    <a:gd name="connsiteY15" fmla="*/ 701911 h 2836933"/>
                    <a:gd name="connsiteX16" fmla="*/ 297778 w 1254240"/>
                    <a:gd name="connsiteY16" fmla="*/ 44153 h 2836933"/>
                    <a:gd name="connsiteX0" fmla="*/ 394031 w 1253739"/>
                    <a:gd name="connsiteY0" fmla="*/ 1 h 2836933"/>
                    <a:gd name="connsiteX1" fmla="*/ 950185 w 1253739"/>
                    <a:gd name="connsiteY1" fmla="*/ 125167 h 2836933"/>
                    <a:gd name="connsiteX2" fmla="*/ 1249979 w 1253739"/>
                    <a:gd name="connsiteY2" fmla="*/ 952869 h 2836933"/>
                    <a:gd name="connsiteX3" fmla="*/ 1046027 w 1253739"/>
                    <a:gd name="connsiteY3" fmla="*/ 1974625 h 2836933"/>
                    <a:gd name="connsiteX4" fmla="*/ 1000477 w 1253739"/>
                    <a:gd name="connsiteY4" fmla="*/ 999620 h 2836933"/>
                    <a:gd name="connsiteX5" fmla="*/ 937089 w 1253739"/>
                    <a:gd name="connsiteY5" fmla="*/ 628451 h 2836933"/>
                    <a:gd name="connsiteX6" fmla="*/ 922669 w 1253739"/>
                    <a:gd name="connsiteY6" fmla="*/ 2643188 h 2836933"/>
                    <a:gd name="connsiteX7" fmla="*/ 579769 w 1253739"/>
                    <a:gd name="connsiteY7" fmla="*/ 2614613 h 2836933"/>
                    <a:gd name="connsiteX8" fmla="*/ 594057 w 1253739"/>
                    <a:gd name="connsiteY8" fmla="*/ 1385888 h 2836933"/>
                    <a:gd name="connsiteX9" fmla="*/ 565481 w 1253739"/>
                    <a:gd name="connsiteY9" fmla="*/ 2686051 h 2836933"/>
                    <a:gd name="connsiteX10" fmla="*/ 236869 w 1253739"/>
                    <a:gd name="connsiteY10" fmla="*/ 2586038 h 2836933"/>
                    <a:gd name="connsiteX11" fmla="*/ 214089 w 1253739"/>
                    <a:gd name="connsiteY11" fmla="*/ 1301107 h 2836933"/>
                    <a:gd name="connsiteX12" fmla="*/ 220402 w 1253739"/>
                    <a:gd name="connsiteY12" fmla="*/ 563999 h 2836933"/>
                    <a:gd name="connsiteX13" fmla="*/ 158549 w 1253739"/>
                    <a:gd name="connsiteY13" fmla="*/ 1043102 h 2836933"/>
                    <a:gd name="connsiteX14" fmla="*/ 192324 w 1253739"/>
                    <a:gd name="connsiteY14" fmla="*/ 1911840 h 2836933"/>
                    <a:gd name="connsiteX15" fmla="*/ 1453 w 1253739"/>
                    <a:gd name="connsiteY15" fmla="*/ 701911 h 2836933"/>
                    <a:gd name="connsiteX16" fmla="*/ 297277 w 1253739"/>
                    <a:gd name="connsiteY16" fmla="*/ 44153 h 2836933"/>
                    <a:gd name="connsiteX0" fmla="*/ 394031 w 1253739"/>
                    <a:gd name="connsiteY0" fmla="*/ 1 h 2836933"/>
                    <a:gd name="connsiteX1" fmla="*/ 950185 w 1253739"/>
                    <a:gd name="connsiteY1" fmla="*/ 125167 h 2836933"/>
                    <a:gd name="connsiteX2" fmla="*/ 1249979 w 1253739"/>
                    <a:gd name="connsiteY2" fmla="*/ 952869 h 2836933"/>
                    <a:gd name="connsiteX3" fmla="*/ 1046027 w 1253739"/>
                    <a:gd name="connsiteY3" fmla="*/ 1974625 h 2836933"/>
                    <a:gd name="connsiteX4" fmla="*/ 1000477 w 1253739"/>
                    <a:gd name="connsiteY4" fmla="*/ 999620 h 2836933"/>
                    <a:gd name="connsiteX5" fmla="*/ 937089 w 1253739"/>
                    <a:gd name="connsiteY5" fmla="*/ 628451 h 2836933"/>
                    <a:gd name="connsiteX6" fmla="*/ 922669 w 1253739"/>
                    <a:gd name="connsiteY6" fmla="*/ 2643188 h 2836933"/>
                    <a:gd name="connsiteX7" fmla="*/ 579769 w 1253739"/>
                    <a:gd name="connsiteY7" fmla="*/ 2614613 h 2836933"/>
                    <a:gd name="connsiteX8" fmla="*/ 594057 w 1253739"/>
                    <a:gd name="connsiteY8" fmla="*/ 1385888 h 2836933"/>
                    <a:gd name="connsiteX9" fmla="*/ 565481 w 1253739"/>
                    <a:gd name="connsiteY9" fmla="*/ 2686051 h 2836933"/>
                    <a:gd name="connsiteX10" fmla="*/ 236869 w 1253739"/>
                    <a:gd name="connsiteY10" fmla="*/ 2586038 h 2836933"/>
                    <a:gd name="connsiteX11" fmla="*/ 214089 w 1253739"/>
                    <a:gd name="connsiteY11" fmla="*/ 1301107 h 2836933"/>
                    <a:gd name="connsiteX12" fmla="*/ 220402 w 1253739"/>
                    <a:gd name="connsiteY12" fmla="*/ 563999 h 2836933"/>
                    <a:gd name="connsiteX13" fmla="*/ 158549 w 1253739"/>
                    <a:gd name="connsiteY13" fmla="*/ 1043102 h 2836933"/>
                    <a:gd name="connsiteX14" fmla="*/ 192324 w 1253739"/>
                    <a:gd name="connsiteY14" fmla="*/ 1911840 h 2836933"/>
                    <a:gd name="connsiteX15" fmla="*/ 1453 w 1253739"/>
                    <a:gd name="connsiteY15" fmla="*/ 701911 h 2836933"/>
                    <a:gd name="connsiteX16" fmla="*/ 297277 w 1253739"/>
                    <a:gd name="connsiteY16" fmla="*/ 44153 h 2836933"/>
                    <a:gd name="connsiteX0" fmla="*/ 394571 w 1254279"/>
                    <a:gd name="connsiteY0" fmla="*/ 1 h 2836933"/>
                    <a:gd name="connsiteX1" fmla="*/ 950725 w 1254279"/>
                    <a:gd name="connsiteY1" fmla="*/ 125167 h 2836933"/>
                    <a:gd name="connsiteX2" fmla="*/ 1250519 w 1254279"/>
                    <a:gd name="connsiteY2" fmla="*/ 952869 h 2836933"/>
                    <a:gd name="connsiteX3" fmla="*/ 1046567 w 1254279"/>
                    <a:gd name="connsiteY3" fmla="*/ 1974625 h 2836933"/>
                    <a:gd name="connsiteX4" fmla="*/ 1001017 w 1254279"/>
                    <a:gd name="connsiteY4" fmla="*/ 999620 h 2836933"/>
                    <a:gd name="connsiteX5" fmla="*/ 937629 w 1254279"/>
                    <a:gd name="connsiteY5" fmla="*/ 628451 h 2836933"/>
                    <a:gd name="connsiteX6" fmla="*/ 923209 w 1254279"/>
                    <a:gd name="connsiteY6" fmla="*/ 2643188 h 2836933"/>
                    <a:gd name="connsiteX7" fmla="*/ 580309 w 1254279"/>
                    <a:gd name="connsiteY7" fmla="*/ 2614613 h 2836933"/>
                    <a:gd name="connsiteX8" fmla="*/ 594597 w 1254279"/>
                    <a:gd name="connsiteY8" fmla="*/ 1385888 h 2836933"/>
                    <a:gd name="connsiteX9" fmla="*/ 566021 w 1254279"/>
                    <a:gd name="connsiteY9" fmla="*/ 2686051 h 2836933"/>
                    <a:gd name="connsiteX10" fmla="*/ 237409 w 1254279"/>
                    <a:gd name="connsiteY10" fmla="*/ 2586038 h 2836933"/>
                    <a:gd name="connsiteX11" fmla="*/ 214629 w 1254279"/>
                    <a:gd name="connsiteY11" fmla="*/ 1301107 h 2836933"/>
                    <a:gd name="connsiteX12" fmla="*/ 220942 w 1254279"/>
                    <a:gd name="connsiteY12" fmla="*/ 563999 h 2836933"/>
                    <a:gd name="connsiteX13" fmla="*/ 159089 w 1254279"/>
                    <a:gd name="connsiteY13" fmla="*/ 1043102 h 2836933"/>
                    <a:gd name="connsiteX14" fmla="*/ 192864 w 1254279"/>
                    <a:gd name="connsiteY14" fmla="*/ 1911840 h 2836933"/>
                    <a:gd name="connsiteX15" fmla="*/ 1993 w 1254279"/>
                    <a:gd name="connsiteY15" fmla="*/ 701911 h 2836933"/>
                    <a:gd name="connsiteX16" fmla="*/ 297817 w 1254279"/>
                    <a:gd name="connsiteY16" fmla="*/ 44153 h 2836933"/>
                    <a:gd name="connsiteX0" fmla="*/ 396361 w 1256069"/>
                    <a:gd name="connsiteY0" fmla="*/ 1 h 2836933"/>
                    <a:gd name="connsiteX1" fmla="*/ 952515 w 1256069"/>
                    <a:gd name="connsiteY1" fmla="*/ 125167 h 2836933"/>
                    <a:gd name="connsiteX2" fmla="*/ 1252309 w 1256069"/>
                    <a:gd name="connsiteY2" fmla="*/ 952869 h 2836933"/>
                    <a:gd name="connsiteX3" fmla="*/ 1048357 w 1256069"/>
                    <a:gd name="connsiteY3" fmla="*/ 1974625 h 2836933"/>
                    <a:gd name="connsiteX4" fmla="*/ 1002807 w 1256069"/>
                    <a:gd name="connsiteY4" fmla="*/ 999620 h 2836933"/>
                    <a:gd name="connsiteX5" fmla="*/ 939419 w 1256069"/>
                    <a:gd name="connsiteY5" fmla="*/ 628451 h 2836933"/>
                    <a:gd name="connsiteX6" fmla="*/ 924999 w 1256069"/>
                    <a:gd name="connsiteY6" fmla="*/ 2643188 h 2836933"/>
                    <a:gd name="connsiteX7" fmla="*/ 582099 w 1256069"/>
                    <a:gd name="connsiteY7" fmla="*/ 2614613 h 2836933"/>
                    <a:gd name="connsiteX8" fmla="*/ 596387 w 1256069"/>
                    <a:gd name="connsiteY8" fmla="*/ 1385888 h 2836933"/>
                    <a:gd name="connsiteX9" fmla="*/ 567811 w 1256069"/>
                    <a:gd name="connsiteY9" fmla="*/ 2686051 h 2836933"/>
                    <a:gd name="connsiteX10" fmla="*/ 239199 w 1256069"/>
                    <a:gd name="connsiteY10" fmla="*/ 2586038 h 2836933"/>
                    <a:gd name="connsiteX11" fmla="*/ 216419 w 1256069"/>
                    <a:gd name="connsiteY11" fmla="*/ 1301107 h 2836933"/>
                    <a:gd name="connsiteX12" fmla="*/ 222732 w 1256069"/>
                    <a:gd name="connsiteY12" fmla="*/ 563999 h 2836933"/>
                    <a:gd name="connsiteX13" fmla="*/ 160879 w 1256069"/>
                    <a:gd name="connsiteY13" fmla="*/ 1043102 h 2836933"/>
                    <a:gd name="connsiteX14" fmla="*/ 194654 w 1256069"/>
                    <a:gd name="connsiteY14" fmla="*/ 1911840 h 2836933"/>
                    <a:gd name="connsiteX15" fmla="*/ 3783 w 1256069"/>
                    <a:gd name="connsiteY15" fmla="*/ 701911 h 2836933"/>
                    <a:gd name="connsiteX16" fmla="*/ 299607 w 1256069"/>
                    <a:gd name="connsiteY16" fmla="*/ 44153 h 2836933"/>
                    <a:gd name="connsiteX0" fmla="*/ 394176 w 1253884"/>
                    <a:gd name="connsiteY0" fmla="*/ 1 h 2836933"/>
                    <a:gd name="connsiteX1" fmla="*/ 950330 w 1253884"/>
                    <a:gd name="connsiteY1" fmla="*/ 125167 h 2836933"/>
                    <a:gd name="connsiteX2" fmla="*/ 1250124 w 1253884"/>
                    <a:gd name="connsiteY2" fmla="*/ 952869 h 2836933"/>
                    <a:gd name="connsiteX3" fmla="*/ 1046172 w 1253884"/>
                    <a:gd name="connsiteY3" fmla="*/ 1974625 h 2836933"/>
                    <a:gd name="connsiteX4" fmla="*/ 1000622 w 1253884"/>
                    <a:gd name="connsiteY4" fmla="*/ 999620 h 2836933"/>
                    <a:gd name="connsiteX5" fmla="*/ 937234 w 1253884"/>
                    <a:gd name="connsiteY5" fmla="*/ 628451 h 2836933"/>
                    <a:gd name="connsiteX6" fmla="*/ 922814 w 1253884"/>
                    <a:gd name="connsiteY6" fmla="*/ 2643188 h 2836933"/>
                    <a:gd name="connsiteX7" fmla="*/ 579914 w 1253884"/>
                    <a:gd name="connsiteY7" fmla="*/ 2614613 h 2836933"/>
                    <a:gd name="connsiteX8" fmla="*/ 594202 w 1253884"/>
                    <a:gd name="connsiteY8" fmla="*/ 1385888 h 2836933"/>
                    <a:gd name="connsiteX9" fmla="*/ 565626 w 1253884"/>
                    <a:gd name="connsiteY9" fmla="*/ 2686051 h 2836933"/>
                    <a:gd name="connsiteX10" fmla="*/ 237014 w 1253884"/>
                    <a:gd name="connsiteY10" fmla="*/ 2586038 h 2836933"/>
                    <a:gd name="connsiteX11" fmla="*/ 214234 w 1253884"/>
                    <a:gd name="connsiteY11" fmla="*/ 1301107 h 2836933"/>
                    <a:gd name="connsiteX12" fmla="*/ 220547 w 1253884"/>
                    <a:gd name="connsiteY12" fmla="*/ 563999 h 2836933"/>
                    <a:gd name="connsiteX13" fmla="*/ 158694 w 1253884"/>
                    <a:gd name="connsiteY13" fmla="*/ 1043102 h 2836933"/>
                    <a:gd name="connsiteX14" fmla="*/ 192469 w 1253884"/>
                    <a:gd name="connsiteY14" fmla="*/ 1911840 h 2836933"/>
                    <a:gd name="connsiteX15" fmla="*/ 1598 w 1253884"/>
                    <a:gd name="connsiteY15" fmla="*/ 701911 h 2836933"/>
                    <a:gd name="connsiteX16" fmla="*/ 297422 w 1253884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1043102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1043102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130 w 1262838"/>
                    <a:gd name="connsiteY0" fmla="*/ 1 h 2836933"/>
                    <a:gd name="connsiteX1" fmla="*/ 959284 w 1262838"/>
                    <a:gd name="connsiteY1" fmla="*/ 125167 h 2836933"/>
                    <a:gd name="connsiteX2" fmla="*/ 1259078 w 1262838"/>
                    <a:gd name="connsiteY2" fmla="*/ 952869 h 2836933"/>
                    <a:gd name="connsiteX3" fmla="*/ 1055126 w 1262838"/>
                    <a:gd name="connsiteY3" fmla="*/ 1974625 h 2836933"/>
                    <a:gd name="connsiteX4" fmla="*/ 1009576 w 1262838"/>
                    <a:gd name="connsiteY4" fmla="*/ 999620 h 2836933"/>
                    <a:gd name="connsiteX5" fmla="*/ 946188 w 1262838"/>
                    <a:gd name="connsiteY5" fmla="*/ 628451 h 2836933"/>
                    <a:gd name="connsiteX6" fmla="*/ 931768 w 1262838"/>
                    <a:gd name="connsiteY6" fmla="*/ 2643188 h 2836933"/>
                    <a:gd name="connsiteX7" fmla="*/ 588868 w 1262838"/>
                    <a:gd name="connsiteY7" fmla="*/ 2614613 h 2836933"/>
                    <a:gd name="connsiteX8" fmla="*/ 603156 w 1262838"/>
                    <a:gd name="connsiteY8" fmla="*/ 1385888 h 2836933"/>
                    <a:gd name="connsiteX9" fmla="*/ 574580 w 1262838"/>
                    <a:gd name="connsiteY9" fmla="*/ 2686051 h 2836933"/>
                    <a:gd name="connsiteX10" fmla="*/ 245968 w 1262838"/>
                    <a:gd name="connsiteY10" fmla="*/ 2586038 h 2836933"/>
                    <a:gd name="connsiteX11" fmla="*/ 223188 w 1262838"/>
                    <a:gd name="connsiteY11" fmla="*/ 1301107 h 2836933"/>
                    <a:gd name="connsiteX12" fmla="*/ 229501 w 1262838"/>
                    <a:gd name="connsiteY12" fmla="*/ 563999 h 2836933"/>
                    <a:gd name="connsiteX13" fmla="*/ 167648 w 1262838"/>
                    <a:gd name="connsiteY13" fmla="*/ 1043102 h 2836933"/>
                    <a:gd name="connsiteX14" fmla="*/ 201423 w 1262838"/>
                    <a:gd name="connsiteY14" fmla="*/ 1911840 h 2836933"/>
                    <a:gd name="connsiteX15" fmla="*/ 1339 w 1262838"/>
                    <a:gd name="connsiteY15" fmla="*/ 918348 h 2836933"/>
                    <a:gd name="connsiteX16" fmla="*/ 306376 w 1262838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919423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323 w 1263031"/>
                    <a:gd name="connsiteY0" fmla="*/ 1 h 2836933"/>
                    <a:gd name="connsiteX1" fmla="*/ 959477 w 1263031"/>
                    <a:gd name="connsiteY1" fmla="*/ 125167 h 2836933"/>
                    <a:gd name="connsiteX2" fmla="*/ 1259271 w 1263031"/>
                    <a:gd name="connsiteY2" fmla="*/ 952869 h 2836933"/>
                    <a:gd name="connsiteX3" fmla="*/ 1055319 w 1263031"/>
                    <a:gd name="connsiteY3" fmla="*/ 1974625 h 2836933"/>
                    <a:gd name="connsiteX4" fmla="*/ 1009769 w 1263031"/>
                    <a:gd name="connsiteY4" fmla="*/ 999620 h 2836933"/>
                    <a:gd name="connsiteX5" fmla="*/ 946381 w 1263031"/>
                    <a:gd name="connsiteY5" fmla="*/ 628451 h 2836933"/>
                    <a:gd name="connsiteX6" fmla="*/ 931961 w 1263031"/>
                    <a:gd name="connsiteY6" fmla="*/ 2643188 h 2836933"/>
                    <a:gd name="connsiteX7" fmla="*/ 589061 w 1263031"/>
                    <a:gd name="connsiteY7" fmla="*/ 2614613 h 2836933"/>
                    <a:gd name="connsiteX8" fmla="*/ 603349 w 1263031"/>
                    <a:gd name="connsiteY8" fmla="*/ 1385888 h 2836933"/>
                    <a:gd name="connsiteX9" fmla="*/ 574773 w 1263031"/>
                    <a:gd name="connsiteY9" fmla="*/ 2686051 h 2836933"/>
                    <a:gd name="connsiteX10" fmla="*/ 246161 w 1263031"/>
                    <a:gd name="connsiteY10" fmla="*/ 2586038 h 2836933"/>
                    <a:gd name="connsiteX11" fmla="*/ 223381 w 1263031"/>
                    <a:gd name="connsiteY11" fmla="*/ 1301107 h 2836933"/>
                    <a:gd name="connsiteX12" fmla="*/ 229694 w 1263031"/>
                    <a:gd name="connsiteY12" fmla="*/ 563999 h 2836933"/>
                    <a:gd name="connsiteX13" fmla="*/ 167841 w 1263031"/>
                    <a:gd name="connsiteY13" fmla="*/ 919423 h 2836933"/>
                    <a:gd name="connsiteX14" fmla="*/ 201616 w 1263031"/>
                    <a:gd name="connsiteY14" fmla="*/ 1911840 h 2836933"/>
                    <a:gd name="connsiteX15" fmla="*/ 1532 w 1263031"/>
                    <a:gd name="connsiteY15" fmla="*/ 918348 h 2836933"/>
                    <a:gd name="connsiteX16" fmla="*/ 306569 w 1263031"/>
                    <a:gd name="connsiteY16" fmla="*/ 44153 h 2836933"/>
                    <a:gd name="connsiteX0" fmla="*/ 403252 w 1262960"/>
                    <a:gd name="connsiteY0" fmla="*/ 1 h 2836933"/>
                    <a:gd name="connsiteX1" fmla="*/ 959406 w 1262960"/>
                    <a:gd name="connsiteY1" fmla="*/ 125167 h 2836933"/>
                    <a:gd name="connsiteX2" fmla="*/ 1259200 w 1262960"/>
                    <a:gd name="connsiteY2" fmla="*/ 952869 h 2836933"/>
                    <a:gd name="connsiteX3" fmla="*/ 1055248 w 1262960"/>
                    <a:gd name="connsiteY3" fmla="*/ 1974625 h 2836933"/>
                    <a:gd name="connsiteX4" fmla="*/ 1009698 w 1262960"/>
                    <a:gd name="connsiteY4" fmla="*/ 999620 h 2836933"/>
                    <a:gd name="connsiteX5" fmla="*/ 946310 w 1262960"/>
                    <a:gd name="connsiteY5" fmla="*/ 628451 h 2836933"/>
                    <a:gd name="connsiteX6" fmla="*/ 931890 w 1262960"/>
                    <a:gd name="connsiteY6" fmla="*/ 2643188 h 2836933"/>
                    <a:gd name="connsiteX7" fmla="*/ 588990 w 1262960"/>
                    <a:gd name="connsiteY7" fmla="*/ 2614613 h 2836933"/>
                    <a:gd name="connsiteX8" fmla="*/ 603278 w 1262960"/>
                    <a:gd name="connsiteY8" fmla="*/ 1385888 h 2836933"/>
                    <a:gd name="connsiteX9" fmla="*/ 574702 w 1262960"/>
                    <a:gd name="connsiteY9" fmla="*/ 2686051 h 2836933"/>
                    <a:gd name="connsiteX10" fmla="*/ 246090 w 1262960"/>
                    <a:gd name="connsiteY10" fmla="*/ 2586038 h 2836933"/>
                    <a:gd name="connsiteX11" fmla="*/ 223310 w 1262960"/>
                    <a:gd name="connsiteY11" fmla="*/ 1301107 h 2836933"/>
                    <a:gd name="connsiteX12" fmla="*/ 229623 w 1262960"/>
                    <a:gd name="connsiteY12" fmla="*/ 563999 h 2836933"/>
                    <a:gd name="connsiteX13" fmla="*/ 167770 w 1262960"/>
                    <a:gd name="connsiteY13" fmla="*/ 919423 h 2836933"/>
                    <a:gd name="connsiteX14" fmla="*/ 210757 w 1262960"/>
                    <a:gd name="connsiteY14" fmla="*/ 1757240 h 2836933"/>
                    <a:gd name="connsiteX15" fmla="*/ 1461 w 1262960"/>
                    <a:gd name="connsiteY15" fmla="*/ 918348 h 2836933"/>
                    <a:gd name="connsiteX16" fmla="*/ 306498 w 1262960"/>
                    <a:gd name="connsiteY16" fmla="*/ 44153 h 2836933"/>
                    <a:gd name="connsiteX0" fmla="*/ 458170 w 1317878"/>
                    <a:gd name="connsiteY0" fmla="*/ 1 h 2836933"/>
                    <a:gd name="connsiteX1" fmla="*/ 1014324 w 1317878"/>
                    <a:gd name="connsiteY1" fmla="*/ 125167 h 2836933"/>
                    <a:gd name="connsiteX2" fmla="*/ 1314118 w 1317878"/>
                    <a:gd name="connsiteY2" fmla="*/ 952869 h 2836933"/>
                    <a:gd name="connsiteX3" fmla="*/ 1110166 w 1317878"/>
                    <a:gd name="connsiteY3" fmla="*/ 1974625 h 2836933"/>
                    <a:gd name="connsiteX4" fmla="*/ 1064616 w 1317878"/>
                    <a:gd name="connsiteY4" fmla="*/ 999620 h 2836933"/>
                    <a:gd name="connsiteX5" fmla="*/ 1001228 w 1317878"/>
                    <a:gd name="connsiteY5" fmla="*/ 628451 h 2836933"/>
                    <a:gd name="connsiteX6" fmla="*/ 986808 w 1317878"/>
                    <a:gd name="connsiteY6" fmla="*/ 2643188 h 2836933"/>
                    <a:gd name="connsiteX7" fmla="*/ 643908 w 1317878"/>
                    <a:gd name="connsiteY7" fmla="*/ 2614613 h 2836933"/>
                    <a:gd name="connsiteX8" fmla="*/ 658196 w 1317878"/>
                    <a:gd name="connsiteY8" fmla="*/ 1385888 h 2836933"/>
                    <a:gd name="connsiteX9" fmla="*/ 629620 w 1317878"/>
                    <a:gd name="connsiteY9" fmla="*/ 2686051 h 2836933"/>
                    <a:gd name="connsiteX10" fmla="*/ 301008 w 1317878"/>
                    <a:gd name="connsiteY10" fmla="*/ 2586038 h 2836933"/>
                    <a:gd name="connsiteX11" fmla="*/ 278228 w 1317878"/>
                    <a:gd name="connsiteY11" fmla="*/ 1301107 h 2836933"/>
                    <a:gd name="connsiteX12" fmla="*/ 284541 w 1317878"/>
                    <a:gd name="connsiteY12" fmla="*/ 563999 h 2836933"/>
                    <a:gd name="connsiteX13" fmla="*/ 222688 w 1317878"/>
                    <a:gd name="connsiteY13" fmla="*/ 919423 h 2836933"/>
                    <a:gd name="connsiteX14" fmla="*/ 265675 w 1317878"/>
                    <a:gd name="connsiteY14" fmla="*/ 1757240 h 2836933"/>
                    <a:gd name="connsiteX15" fmla="*/ 1101 w 1317878"/>
                    <a:gd name="connsiteY15" fmla="*/ 949266 h 2836933"/>
                    <a:gd name="connsiteX16" fmla="*/ 361416 w 1317878"/>
                    <a:gd name="connsiteY16" fmla="*/ 44153 h 2836933"/>
                    <a:gd name="connsiteX0" fmla="*/ 430640 w 1290348"/>
                    <a:gd name="connsiteY0" fmla="*/ 1 h 2836933"/>
                    <a:gd name="connsiteX1" fmla="*/ 986794 w 1290348"/>
                    <a:gd name="connsiteY1" fmla="*/ 125167 h 2836933"/>
                    <a:gd name="connsiteX2" fmla="*/ 1286588 w 1290348"/>
                    <a:gd name="connsiteY2" fmla="*/ 952869 h 2836933"/>
                    <a:gd name="connsiteX3" fmla="*/ 1082636 w 1290348"/>
                    <a:gd name="connsiteY3" fmla="*/ 1974625 h 2836933"/>
                    <a:gd name="connsiteX4" fmla="*/ 1037086 w 1290348"/>
                    <a:gd name="connsiteY4" fmla="*/ 999620 h 2836933"/>
                    <a:gd name="connsiteX5" fmla="*/ 973698 w 1290348"/>
                    <a:gd name="connsiteY5" fmla="*/ 628451 h 2836933"/>
                    <a:gd name="connsiteX6" fmla="*/ 959278 w 1290348"/>
                    <a:gd name="connsiteY6" fmla="*/ 2643188 h 2836933"/>
                    <a:gd name="connsiteX7" fmla="*/ 616378 w 1290348"/>
                    <a:gd name="connsiteY7" fmla="*/ 2614613 h 2836933"/>
                    <a:gd name="connsiteX8" fmla="*/ 630666 w 1290348"/>
                    <a:gd name="connsiteY8" fmla="*/ 1385888 h 2836933"/>
                    <a:gd name="connsiteX9" fmla="*/ 602090 w 1290348"/>
                    <a:gd name="connsiteY9" fmla="*/ 2686051 h 2836933"/>
                    <a:gd name="connsiteX10" fmla="*/ 273478 w 1290348"/>
                    <a:gd name="connsiteY10" fmla="*/ 2586038 h 2836933"/>
                    <a:gd name="connsiteX11" fmla="*/ 250698 w 1290348"/>
                    <a:gd name="connsiteY11" fmla="*/ 1301107 h 2836933"/>
                    <a:gd name="connsiteX12" fmla="*/ 257011 w 1290348"/>
                    <a:gd name="connsiteY12" fmla="*/ 563999 h 2836933"/>
                    <a:gd name="connsiteX13" fmla="*/ 195158 w 1290348"/>
                    <a:gd name="connsiteY13" fmla="*/ 919423 h 2836933"/>
                    <a:gd name="connsiteX14" fmla="*/ 238145 w 1290348"/>
                    <a:gd name="connsiteY14" fmla="*/ 1757240 h 2836933"/>
                    <a:gd name="connsiteX15" fmla="*/ 1209 w 1290348"/>
                    <a:gd name="connsiteY15" fmla="*/ 949266 h 2836933"/>
                    <a:gd name="connsiteX16" fmla="*/ 333886 w 1290348"/>
                    <a:gd name="connsiteY16" fmla="*/ 44153 h 2836933"/>
                    <a:gd name="connsiteX0" fmla="*/ 430860 w 1290568"/>
                    <a:gd name="connsiteY0" fmla="*/ 1 h 2836933"/>
                    <a:gd name="connsiteX1" fmla="*/ 987014 w 1290568"/>
                    <a:gd name="connsiteY1" fmla="*/ 125167 h 2836933"/>
                    <a:gd name="connsiteX2" fmla="*/ 1286808 w 1290568"/>
                    <a:gd name="connsiteY2" fmla="*/ 952869 h 2836933"/>
                    <a:gd name="connsiteX3" fmla="*/ 1082856 w 1290568"/>
                    <a:gd name="connsiteY3" fmla="*/ 1974625 h 2836933"/>
                    <a:gd name="connsiteX4" fmla="*/ 1037306 w 1290568"/>
                    <a:gd name="connsiteY4" fmla="*/ 999620 h 2836933"/>
                    <a:gd name="connsiteX5" fmla="*/ 973918 w 1290568"/>
                    <a:gd name="connsiteY5" fmla="*/ 628451 h 2836933"/>
                    <a:gd name="connsiteX6" fmla="*/ 959498 w 1290568"/>
                    <a:gd name="connsiteY6" fmla="*/ 2643188 h 2836933"/>
                    <a:gd name="connsiteX7" fmla="*/ 616598 w 1290568"/>
                    <a:gd name="connsiteY7" fmla="*/ 2614613 h 2836933"/>
                    <a:gd name="connsiteX8" fmla="*/ 630886 w 1290568"/>
                    <a:gd name="connsiteY8" fmla="*/ 1385888 h 2836933"/>
                    <a:gd name="connsiteX9" fmla="*/ 602310 w 1290568"/>
                    <a:gd name="connsiteY9" fmla="*/ 2686051 h 2836933"/>
                    <a:gd name="connsiteX10" fmla="*/ 273698 w 1290568"/>
                    <a:gd name="connsiteY10" fmla="*/ 2586038 h 2836933"/>
                    <a:gd name="connsiteX11" fmla="*/ 250918 w 1290568"/>
                    <a:gd name="connsiteY11" fmla="*/ 1301107 h 2836933"/>
                    <a:gd name="connsiteX12" fmla="*/ 257231 w 1290568"/>
                    <a:gd name="connsiteY12" fmla="*/ 563999 h 2836933"/>
                    <a:gd name="connsiteX13" fmla="*/ 195378 w 1290568"/>
                    <a:gd name="connsiteY13" fmla="*/ 919423 h 2836933"/>
                    <a:gd name="connsiteX14" fmla="*/ 201513 w 1290568"/>
                    <a:gd name="connsiteY14" fmla="*/ 1757240 h 2836933"/>
                    <a:gd name="connsiteX15" fmla="*/ 1429 w 1290568"/>
                    <a:gd name="connsiteY15" fmla="*/ 949266 h 2836933"/>
                    <a:gd name="connsiteX16" fmla="*/ 334106 w 1290568"/>
                    <a:gd name="connsiteY16" fmla="*/ 44153 h 2836933"/>
                    <a:gd name="connsiteX0" fmla="*/ 431081 w 1290789"/>
                    <a:gd name="connsiteY0" fmla="*/ 1 h 2836933"/>
                    <a:gd name="connsiteX1" fmla="*/ 987235 w 1290789"/>
                    <a:gd name="connsiteY1" fmla="*/ 125167 h 2836933"/>
                    <a:gd name="connsiteX2" fmla="*/ 1287029 w 1290789"/>
                    <a:gd name="connsiteY2" fmla="*/ 952869 h 2836933"/>
                    <a:gd name="connsiteX3" fmla="*/ 1083077 w 1290789"/>
                    <a:gd name="connsiteY3" fmla="*/ 1974625 h 2836933"/>
                    <a:gd name="connsiteX4" fmla="*/ 1037527 w 1290789"/>
                    <a:gd name="connsiteY4" fmla="*/ 999620 h 2836933"/>
                    <a:gd name="connsiteX5" fmla="*/ 974139 w 1290789"/>
                    <a:gd name="connsiteY5" fmla="*/ 628451 h 2836933"/>
                    <a:gd name="connsiteX6" fmla="*/ 959719 w 1290789"/>
                    <a:gd name="connsiteY6" fmla="*/ 2643188 h 2836933"/>
                    <a:gd name="connsiteX7" fmla="*/ 616819 w 1290789"/>
                    <a:gd name="connsiteY7" fmla="*/ 2614613 h 2836933"/>
                    <a:gd name="connsiteX8" fmla="*/ 631107 w 1290789"/>
                    <a:gd name="connsiteY8" fmla="*/ 1385888 h 2836933"/>
                    <a:gd name="connsiteX9" fmla="*/ 602531 w 1290789"/>
                    <a:gd name="connsiteY9" fmla="*/ 2686051 h 2836933"/>
                    <a:gd name="connsiteX10" fmla="*/ 273919 w 1290789"/>
                    <a:gd name="connsiteY10" fmla="*/ 2586038 h 2836933"/>
                    <a:gd name="connsiteX11" fmla="*/ 251139 w 1290789"/>
                    <a:gd name="connsiteY11" fmla="*/ 1301107 h 2836933"/>
                    <a:gd name="connsiteX12" fmla="*/ 257452 w 1290789"/>
                    <a:gd name="connsiteY12" fmla="*/ 563999 h 2836933"/>
                    <a:gd name="connsiteX13" fmla="*/ 195599 w 1290789"/>
                    <a:gd name="connsiteY13" fmla="*/ 919423 h 2836933"/>
                    <a:gd name="connsiteX14" fmla="*/ 201734 w 1290789"/>
                    <a:gd name="connsiteY14" fmla="*/ 1757240 h 2836933"/>
                    <a:gd name="connsiteX15" fmla="*/ 1650 w 1290789"/>
                    <a:gd name="connsiteY15" fmla="*/ 949266 h 2836933"/>
                    <a:gd name="connsiteX16" fmla="*/ 334327 w 1290789"/>
                    <a:gd name="connsiteY16" fmla="*/ 44153 h 2836933"/>
                    <a:gd name="connsiteX0" fmla="*/ 431081 w 1290789"/>
                    <a:gd name="connsiteY0" fmla="*/ 1 h 2836933"/>
                    <a:gd name="connsiteX1" fmla="*/ 987235 w 1290789"/>
                    <a:gd name="connsiteY1" fmla="*/ 125167 h 2836933"/>
                    <a:gd name="connsiteX2" fmla="*/ 1287029 w 1290789"/>
                    <a:gd name="connsiteY2" fmla="*/ 952869 h 2836933"/>
                    <a:gd name="connsiteX3" fmla="*/ 1083077 w 1290789"/>
                    <a:gd name="connsiteY3" fmla="*/ 1974625 h 2836933"/>
                    <a:gd name="connsiteX4" fmla="*/ 1037527 w 1290789"/>
                    <a:gd name="connsiteY4" fmla="*/ 999620 h 2836933"/>
                    <a:gd name="connsiteX5" fmla="*/ 974139 w 1290789"/>
                    <a:gd name="connsiteY5" fmla="*/ 628451 h 2836933"/>
                    <a:gd name="connsiteX6" fmla="*/ 959719 w 1290789"/>
                    <a:gd name="connsiteY6" fmla="*/ 2643188 h 2836933"/>
                    <a:gd name="connsiteX7" fmla="*/ 616819 w 1290789"/>
                    <a:gd name="connsiteY7" fmla="*/ 2614613 h 2836933"/>
                    <a:gd name="connsiteX8" fmla="*/ 631107 w 1290789"/>
                    <a:gd name="connsiteY8" fmla="*/ 1385888 h 2836933"/>
                    <a:gd name="connsiteX9" fmla="*/ 602531 w 1290789"/>
                    <a:gd name="connsiteY9" fmla="*/ 2686051 h 2836933"/>
                    <a:gd name="connsiteX10" fmla="*/ 273919 w 1290789"/>
                    <a:gd name="connsiteY10" fmla="*/ 2586038 h 2836933"/>
                    <a:gd name="connsiteX11" fmla="*/ 251139 w 1290789"/>
                    <a:gd name="connsiteY11" fmla="*/ 1301107 h 2836933"/>
                    <a:gd name="connsiteX12" fmla="*/ 257452 w 1290789"/>
                    <a:gd name="connsiteY12" fmla="*/ 563999 h 2836933"/>
                    <a:gd name="connsiteX13" fmla="*/ 195599 w 1290789"/>
                    <a:gd name="connsiteY13" fmla="*/ 919423 h 2836933"/>
                    <a:gd name="connsiteX14" fmla="*/ 201734 w 1290789"/>
                    <a:gd name="connsiteY14" fmla="*/ 1757240 h 2836933"/>
                    <a:gd name="connsiteX15" fmla="*/ 1650 w 1290789"/>
                    <a:gd name="connsiteY15" fmla="*/ 949266 h 2836933"/>
                    <a:gd name="connsiteX16" fmla="*/ 408030 w 1290789"/>
                    <a:gd name="connsiteY16" fmla="*/ 13231 h 2836933"/>
                    <a:gd name="connsiteX0" fmla="*/ 431081 w 1290789"/>
                    <a:gd name="connsiteY0" fmla="*/ 1 h 2836933"/>
                    <a:gd name="connsiteX1" fmla="*/ 406357 w 1290789"/>
                    <a:gd name="connsiteY1" fmla="*/ 21745 h 2836933"/>
                    <a:gd name="connsiteX2" fmla="*/ 987235 w 1290789"/>
                    <a:gd name="connsiteY2" fmla="*/ 125167 h 2836933"/>
                    <a:gd name="connsiteX3" fmla="*/ 1287029 w 1290789"/>
                    <a:gd name="connsiteY3" fmla="*/ 952869 h 2836933"/>
                    <a:gd name="connsiteX4" fmla="*/ 1083077 w 1290789"/>
                    <a:gd name="connsiteY4" fmla="*/ 1974625 h 2836933"/>
                    <a:gd name="connsiteX5" fmla="*/ 1037527 w 1290789"/>
                    <a:gd name="connsiteY5" fmla="*/ 999620 h 2836933"/>
                    <a:gd name="connsiteX6" fmla="*/ 974139 w 1290789"/>
                    <a:gd name="connsiteY6" fmla="*/ 628451 h 2836933"/>
                    <a:gd name="connsiteX7" fmla="*/ 959719 w 1290789"/>
                    <a:gd name="connsiteY7" fmla="*/ 2643188 h 2836933"/>
                    <a:gd name="connsiteX8" fmla="*/ 616819 w 1290789"/>
                    <a:gd name="connsiteY8" fmla="*/ 2614613 h 2836933"/>
                    <a:gd name="connsiteX9" fmla="*/ 631107 w 1290789"/>
                    <a:gd name="connsiteY9" fmla="*/ 1385888 h 2836933"/>
                    <a:gd name="connsiteX10" fmla="*/ 602531 w 1290789"/>
                    <a:gd name="connsiteY10" fmla="*/ 2686051 h 2836933"/>
                    <a:gd name="connsiteX11" fmla="*/ 273919 w 1290789"/>
                    <a:gd name="connsiteY11" fmla="*/ 2586038 h 2836933"/>
                    <a:gd name="connsiteX12" fmla="*/ 251139 w 1290789"/>
                    <a:gd name="connsiteY12" fmla="*/ 1301107 h 2836933"/>
                    <a:gd name="connsiteX13" fmla="*/ 257452 w 1290789"/>
                    <a:gd name="connsiteY13" fmla="*/ 563999 h 2836933"/>
                    <a:gd name="connsiteX14" fmla="*/ 195599 w 1290789"/>
                    <a:gd name="connsiteY14" fmla="*/ 919423 h 2836933"/>
                    <a:gd name="connsiteX15" fmla="*/ 201734 w 1290789"/>
                    <a:gd name="connsiteY15" fmla="*/ 1757240 h 2836933"/>
                    <a:gd name="connsiteX16" fmla="*/ 1650 w 1290789"/>
                    <a:gd name="connsiteY16" fmla="*/ 949266 h 2836933"/>
                    <a:gd name="connsiteX17" fmla="*/ 408030 w 1290789"/>
                    <a:gd name="connsiteY17" fmla="*/ 13231 h 283693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</a:cxnLst>
                  <a:rect l="l" t="t" r="r" b="b"/>
                  <a:pathLst>
                    <a:path w="1290789" h="2836933">
                      <a:moveTo>
                        <a:pt x="431081" y="1"/>
                      </a:moveTo>
                      <a:cubicBezTo>
                        <a:pt x="439244" y="13931"/>
                        <a:pt x="313665" y="884"/>
                        <a:pt x="406357" y="21745"/>
                      </a:cubicBezTo>
                      <a:cubicBezTo>
                        <a:pt x="499049" y="42606"/>
                        <a:pt x="840456" y="-30020"/>
                        <a:pt x="987235" y="125167"/>
                      </a:cubicBezTo>
                      <a:cubicBezTo>
                        <a:pt x="1134014" y="280354"/>
                        <a:pt x="1271055" y="644626"/>
                        <a:pt x="1287029" y="952869"/>
                      </a:cubicBezTo>
                      <a:cubicBezTo>
                        <a:pt x="1303003" y="1261112"/>
                        <a:pt x="1274042" y="2085921"/>
                        <a:pt x="1083077" y="1974625"/>
                      </a:cubicBezTo>
                      <a:cubicBezTo>
                        <a:pt x="892112" y="1863329"/>
                        <a:pt x="1113077" y="1358111"/>
                        <a:pt x="1037527" y="999620"/>
                      </a:cubicBezTo>
                      <a:cubicBezTo>
                        <a:pt x="961977" y="641129"/>
                        <a:pt x="987107" y="354523"/>
                        <a:pt x="974139" y="628451"/>
                      </a:cubicBezTo>
                      <a:cubicBezTo>
                        <a:pt x="961171" y="902379"/>
                        <a:pt x="1019272" y="2312161"/>
                        <a:pt x="959719" y="2643188"/>
                      </a:cubicBezTo>
                      <a:cubicBezTo>
                        <a:pt x="900166" y="2974215"/>
                        <a:pt x="671588" y="2824163"/>
                        <a:pt x="616819" y="2614613"/>
                      </a:cubicBezTo>
                      <a:cubicBezTo>
                        <a:pt x="562050" y="2405063"/>
                        <a:pt x="633488" y="1373982"/>
                        <a:pt x="631107" y="1385888"/>
                      </a:cubicBezTo>
                      <a:cubicBezTo>
                        <a:pt x="628726" y="1397794"/>
                        <a:pt x="662062" y="2486026"/>
                        <a:pt x="602531" y="2686051"/>
                      </a:cubicBezTo>
                      <a:cubicBezTo>
                        <a:pt x="543000" y="2886076"/>
                        <a:pt x="332484" y="2816862"/>
                        <a:pt x="273919" y="2586038"/>
                      </a:cubicBezTo>
                      <a:cubicBezTo>
                        <a:pt x="215354" y="2355214"/>
                        <a:pt x="253883" y="1638113"/>
                        <a:pt x="251139" y="1301107"/>
                      </a:cubicBezTo>
                      <a:cubicBezTo>
                        <a:pt x="248395" y="964101"/>
                        <a:pt x="266709" y="627613"/>
                        <a:pt x="257452" y="563999"/>
                      </a:cubicBezTo>
                      <a:cubicBezTo>
                        <a:pt x="248195" y="500385"/>
                        <a:pt x="203350" y="710243"/>
                        <a:pt x="195599" y="919423"/>
                      </a:cubicBezTo>
                      <a:cubicBezTo>
                        <a:pt x="187848" y="1128603"/>
                        <a:pt x="261698" y="1597669"/>
                        <a:pt x="201734" y="1757240"/>
                      </a:cubicBezTo>
                      <a:cubicBezTo>
                        <a:pt x="141770" y="1916811"/>
                        <a:pt x="-17920" y="1976033"/>
                        <a:pt x="1650" y="949266"/>
                      </a:cubicBezTo>
                      <a:cubicBezTo>
                        <a:pt x="2333" y="208797"/>
                        <a:pt x="418980" y="19404"/>
                        <a:pt x="408030" y="13231"/>
                      </a:cubicBezTo>
                    </a:path>
                  </a:pathLst>
                </a:custGeom>
                <a:solidFill>
                  <a:schemeClr val="accent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SG"/>
                </a:p>
              </p:txBody>
            </p:sp>
          </p:grpSp>
        </p:grpSp>
        <p:sp>
          <p:nvSpPr>
            <p:cNvPr id="45" name="Right Arrow 44"/>
            <p:cNvSpPr/>
            <p:nvPr/>
          </p:nvSpPr>
          <p:spPr>
            <a:xfrm rot="20013156">
              <a:off x="2748252" y="2873346"/>
              <a:ext cx="972728" cy="343621"/>
            </a:xfrm>
            <a:prstGeom prst="rightArrow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46" name="Right Arrow 45"/>
            <p:cNvSpPr/>
            <p:nvPr/>
          </p:nvSpPr>
          <p:spPr>
            <a:xfrm rot="1827200">
              <a:off x="2742616" y="3759504"/>
              <a:ext cx="972728" cy="343621"/>
            </a:xfrm>
            <a:prstGeom prst="rightArrow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pic>
          <p:nvPicPr>
            <p:cNvPr id="58" name="Picture 57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571999" y="1544735"/>
              <a:ext cx="1898045" cy="1523181"/>
            </a:xfrm>
            <a:prstGeom prst="rect">
              <a:avLst/>
            </a:prstGeom>
          </p:spPr>
        </p:pic>
      </p:grpSp>
      <p:sp>
        <p:nvSpPr>
          <p:cNvPr id="60" name="TextBox 59"/>
          <p:cNvSpPr txBox="1"/>
          <p:nvPr/>
        </p:nvSpPr>
        <p:spPr>
          <a:xfrm>
            <a:off x="6037515" y="2567501"/>
            <a:ext cx="2952328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2800" dirty="0" smtClean="0"/>
              <a:t>Who will be more successful when they grow up? </a:t>
            </a:r>
            <a:endParaRPr lang="en-SG" sz="2800" dirty="0"/>
          </a:p>
        </p:txBody>
      </p:sp>
      <p:sp>
        <p:nvSpPr>
          <p:cNvPr id="2" name="TextBox 1"/>
          <p:cNvSpPr txBox="1"/>
          <p:nvPr/>
        </p:nvSpPr>
        <p:spPr>
          <a:xfrm>
            <a:off x="6037514" y="3952496"/>
            <a:ext cx="2854965" cy="1477328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We need to decide the measure(s) of success of the experiment before we begin and measure it(them) when the kids are grown up.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148482" y="4293096"/>
            <a:ext cx="2659498" cy="369332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We need comparable kids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554208" y="1633894"/>
            <a:ext cx="2588453" cy="646331"/>
          </a:xfrm>
          <a:prstGeom prst="rect">
            <a:avLst/>
          </a:prstGeom>
          <a:solidFill>
            <a:srgbClr val="FFFFCC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We need to randomize the assignment </a:t>
            </a:r>
          </a:p>
        </p:txBody>
      </p:sp>
      <p:sp>
        <p:nvSpPr>
          <p:cNvPr id="38" name="TextBox 37"/>
          <p:cNvSpPr txBox="1"/>
          <p:nvPr/>
        </p:nvSpPr>
        <p:spPr>
          <a:xfrm>
            <a:off x="148482" y="5107393"/>
            <a:ext cx="2664296" cy="1200329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We need to measure them before they are assigned to different states.</a:t>
            </a:r>
          </a:p>
        </p:txBody>
      </p:sp>
      <p:sp>
        <p:nvSpPr>
          <p:cNvPr id="6" name="Curved Up Arrow 5"/>
          <p:cNvSpPr/>
          <p:nvPr/>
        </p:nvSpPr>
        <p:spPr>
          <a:xfrm rot="20777008" flipH="1">
            <a:off x="2855725" y="5999274"/>
            <a:ext cx="3858125" cy="619152"/>
          </a:xfrm>
          <a:prstGeom prst="curvedUpArrow">
            <a:avLst/>
          </a:prstGeom>
          <a:solidFill>
            <a:schemeClr val="bg2"/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>
              <a:solidFill>
                <a:schemeClr val="tx1"/>
              </a:solidFill>
            </a:endParaRPr>
          </a:p>
        </p:txBody>
      </p:sp>
      <p:sp>
        <p:nvSpPr>
          <p:cNvPr id="40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272332" y="6492875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207410642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3" grpId="0" animBg="1"/>
      <p:bldP spid="4" grpId="0" animBg="1"/>
      <p:bldP spid="38" grpId="0" animBg="1"/>
      <p:bldP spid="6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8666" y="274638"/>
            <a:ext cx="8849310" cy="1143000"/>
          </a:xfrm>
        </p:spPr>
        <p:txBody>
          <a:bodyPr>
            <a:normAutofit fontScale="90000"/>
          </a:bodyPr>
          <a:lstStyle/>
          <a:p>
            <a:r>
              <a:rPr lang="en-SG" dirty="0" smtClean="0"/>
              <a:t>Common Timeline for Program Evaluation</a:t>
            </a:r>
            <a:endParaRPr lang="en-SG" dirty="0"/>
          </a:p>
        </p:txBody>
      </p:sp>
      <p:grpSp>
        <p:nvGrpSpPr>
          <p:cNvPr id="51" name="Group 50"/>
          <p:cNvGrpSpPr/>
          <p:nvPr/>
        </p:nvGrpSpPr>
        <p:grpSpPr>
          <a:xfrm>
            <a:off x="78666" y="3520134"/>
            <a:ext cx="9031125" cy="2175853"/>
            <a:chOff x="78666" y="2973487"/>
            <a:chExt cx="9031125" cy="2175853"/>
          </a:xfrm>
        </p:grpSpPr>
        <p:sp>
          <p:nvSpPr>
            <p:cNvPr id="4" name="Rounded Rectangle 3"/>
            <p:cNvSpPr/>
            <p:nvPr/>
          </p:nvSpPr>
          <p:spPr>
            <a:xfrm>
              <a:off x="628328" y="2973487"/>
              <a:ext cx="7976120" cy="310892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grpSp>
          <p:nvGrpSpPr>
            <p:cNvPr id="16" name="Group 15"/>
            <p:cNvGrpSpPr/>
            <p:nvPr/>
          </p:nvGrpSpPr>
          <p:grpSpPr>
            <a:xfrm>
              <a:off x="628328" y="3102669"/>
              <a:ext cx="152400" cy="964113"/>
              <a:chOff x="5857900" y="4794250"/>
              <a:chExt cx="152400" cy="714419"/>
            </a:xfrm>
          </p:grpSpPr>
          <p:cxnSp>
            <p:nvCxnSpPr>
              <p:cNvPr id="8" name="Straight Connector 7"/>
              <p:cNvCxnSpPr/>
              <p:nvPr>
                <p:custDataLst>
                  <p:tags r:id="rId11"/>
                </p:custDataLst>
              </p:nvPr>
            </p:nvCxnSpPr>
            <p:spPr>
              <a:xfrm>
                <a:off x="5934100" y="4972050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" name="Teardrop 8"/>
              <p:cNvSpPr/>
              <p:nvPr>
                <p:custDataLst>
                  <p:tags r:id="rId12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18" name="TextBox 17"/>
            <p:cNvSpPr txBox="1"/>
            <p:nvPr/>
          </p:nvSpPr>
          <p:spPr>
            <a:xfrm>
              <a:off x="2781908" y="4137217"/>
              <a:ext cx="1872208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Implementation of Program</a:t>
              </a:r>
              <a:endParaRPr lang="en-SG" dirty="0"/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6986063" y="4091050"/>
              <a:ext cx="2123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SG" dirty="0" smtClean="0"/>
                <a:t>Evaluate Outcome</a:t>
              </a:r>
              <a:endParaRPr lang="en-SG" dirty="0"/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6651848" y="3141318"/>
              <a:ext cx="152400" cy="1638688"/>
              <a:chOff x="5857900" y="4794250"/>
              <a:chExt cx="152400" cy="1214287"/>
            </a:xfrm>
          </p:grpSpPr>
          <p:cxnSp>
            <p:nvCxnSpPr>
              <p:cNvPr id="25" name="Straight Connector 24"/>
              <p:cNvCxnSpPr/>
              <p:nvPr>
                <p:custDataLst>
                  <p:tags r:id="rId9"/>
                </p:custDataLst>
              </p:nvPr>
            </p:nvCxnSpPr>
            <p:spPr>
              <a:xfrm>
                <a:off x="5934100" y="4972050"/>
                <a:ext cx="0" cy="1036487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" name="Teardrop 25"/>
              <p:cNvSpPr/>
              <p:nvPr>
                <p:custDataLst>
                  <p:tags r:id="rId10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27" name="Group 26"/>
            <p:cNvGrpSpPr/>
            <p:nvPr/>
          </p:nvGrpSpPr>
          <p:grpSpPr>
            <a:xfrm>
              <a:off x="8312464" y="3164408"/>
              <a:ext cx="152400" cy="964113"/>
              <a:chOff x="6312860" y="4839999"/>
              <a:chExt cx="152400" cy="714419"/>
            </a:xfrm>
          </p:grpSpPr>
          <p:cxnSp>
            <p:nvCxnSpPr>
              <p:cNvPr id="28" name="Straight Connector 27"/>
              <p:cNvCxnSpPr/>
              <p:nvPr>
                <p:custDataLst>
                  <p:tags r:id="rId7"/>
                </p:custDataLst>
              </p:nvPr>
            </p:nvCxnSpPr>
            <p:spPr>
              <a:xfrm>
                <a:off x="6389060" y="5017799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9" name="Teardrop 28"/>
              <p:cNvSpPr/>
              <p:nvPr>
                <p:custDataLst>
                  <p:tags r:id="rId8"/>
                </p:custDataLst>
              </p:nvPr>
            </p:nvSpPr>
            <p:spPr>
              <a:xfrm>
                <a:off x="6312860" y="4839999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31" name="TextBox 30"/>
            <p:cNvSpPr txBox="1"/>
            <p:nvPr/>
          </p:nvSpPr>
          <p:spPr>
            <a:xfrm>
              <a:off x="5742384" y="4780008"/>
              <a:ext cx="2123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Data Collection</a:t>
              </a:r>
              <a:endParaRPr lang="en-SG" dirty="0"/>
            </a:p>
          </p:txBody>
        </p:sp>
        <p:sp>
          <p:nvSpPr>
            <p:cNvPr id="41" name="TextBox 40"/>
            <p:cNvSpPr txBox="1"/>
            <p:nvPr/>
          </p:nvSpPr>
          <p:spPr>
            <a:xfrm>
              <a:off x="78666" y="4066782"/>
              <a:ext cx="2496002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dirty="0" smtClean="0"/>
                <a:t>Conception of New Program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endParaRPr lang="en-SG" dirty="0" smtClean="0"/>
            </a:p>
          </p:txBody>
        </p:sp>
        <p:cxnSp>
          <p:nvCxnSpPr>
            <p:cNvPr id="33" name="Straight Connector 32"/>
            <p:cNvCxnSpPr/>
            <p:nvPr>
              <p:custDataLst>
                <p:tags r:id="rId6"/>
              </p:custDataLst>
            </p:nvPr>
          </p:nvCxnSpPr>
          <p:spPr>
            <a:xfrm>
              <a:off x="3383204" y="3404350"/>
              <a:ext cx="0" cy="724171"/>
            </a:xfrm>
            <a:prstGeom prst="line">
              <a:avLst/>
            </a:prstGeom>
            <a:ln w="12700" cap="flat" cmpd="sng" algn="ctr">
              <a:solidFill>
                <a:schemeClr val="accent2">
                  <a:alpha val="3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3" name="Group 52"/>
          <p:cNvGrpSpPr/>
          <p:nvPr/>
        </p:nvGrpSpPr>
        <p:grpSpPr>
          <a:xfrm>
            <a:off x="1512162" y="1699591"/>
            <a:ext cx="2610384" cy="1941903"/>
            <a:chOff x="1512162" y="1699591"/>
            <a:chExt cx="2610384" cy="1941903"/>
          </a:xfrm>
        </p:grpSpPr>
        <p:sp>
          <p:nvSpPr>
            <p:cNvPr id="23" name="TextBox 22"/>
            <p:cNvSpPr txBox="1"/>
            <p:nvPr/>
          </p:nvSpPr>
          <p:spPr>
            <a:xfrm>
              <a:off x="1512162" y="1699591"/>
              <a:ext cx="2610384" cy="646331"/>
            </a:xfrm>
            <a:prstGeom prst="rect">
              <a:avLst/>
            </a:prstGeom>
            <a:solidFill>
              <a:schemeClr val="accent6">
                <a:lumMod val="20000"/>
                <a:lumOff val="80000"/>
              </a:schemeClr>
            </a:solidFill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Look for researchers for program evaluation</a:t>
              </a:r>
              <a:endParaRPr lang="en-SG" dirty="0"/>
            </a:p>
          </p:txBody>
        </p:sp>
        <p:grpSp>
          <p:nvGrpSpPr>
            <p:cNvPr id="5" name="Group 4"/>
            <p:cNvGrpSpPr/>
            <p:nvPr/>
          </p:nvGrpSpPr>
          <p:grpSpPr>
            <a:xfrm flipH="1">
              <a:off x="2781908" y="2345922"/>
              <a:ext cx="189384" cy="1295572"/>
              <a:chOff x="3287421" y="4652120"/>
              <a:chExt cx="152400" cy="1002865"/>
            </a:xfrm>
            <a:solidFill>
              <a:schemeClr val="accent5">
                <a:lumMod val="75000"/>
              </a:schemeClr>
            </a:solidFill>
          </p:grpSpPr>
          <p:cxnSp>
            <p:nvCxnSpPr>
              <p:cNvPr id="6" name="Straight Connector 5"/>
              <p:cNvCxnSpPr/>
              <p:nvPr>
                <p:custDataLst>
                  <p:tags r:id="rId4"/>
                </p:custDataLst>
              </p:nvPr>
            </p:nvCxnSpPr>
            <p:spPr>
              <a:xfrm>
                <a:off x="3358553" y="4652120"/>
                <a:ext cx="0" cy="894612"/>
              </a:xfrm>
              <a:prstGeom prst="line">
                <a:avLst/>
              </a:prstGeom>
              <a:grpFill/>
              <a:ln w="12700" cap="flat" cmpd="sng" algn="ctr">
                <a:solidFill>
                  <a:schemeClr val="accent3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7" name="Teardrop 6"/>
              <p:cNvSpPr/>
              <p:nvPr>
                <p:custDataLst>
                  <p:tags r:id="rId5"/>
                </p:custDataLst>
              </p:nvPr>
            </p:nvSpPr>
            <p:spPr>
              <a:xfrm>
                <a:off x="3287421" y="5477185"/>
                <a:ext cx="152400" cy="177800"/>
              </a:xfrm>
              <a:prstGeom prst="teardrop">
                <a:avLst/>
              </a:prstGeom>
              <a:solidFill>
                <a:schemeClr val="accent3"/>
              </a:solidFill>
              <a:ln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sp>
        <p:nvSpPr>
          <p:cNvPr id="54" name="Teardrop 53"/>
          <p:cNvSpPr/>
          <p:nvPr>
            <p:custDataLst>
              <p:tags r:id="rId1"/>
            </p:custDataLst>
          </p:nvPr>
        </p:nvSpPr>
        <p:spPr>
          <a:xfrm>
            <a:off x="3307004" y="3711055"/>
            <a:ext cx="152400" cy="239942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55" name="Group 54"/>
          <p:cNvGrpSpPr/>
          <p:nvPr/>
        </p:nvGrpSpPr>
        <p:grpSpPr>
          <a:xfrm>
            <a:off x="5702080" y="1707413"/>
            <a:ext cx="2610384" cy="1941903"/>
            <a:chOff x="1512162" y="1699591"/>
            <a:chExt cx="2610384" cy="1941903"/>
          </a:xfrm>
        </p:grpSpPr>
        <p:sp>
          <p:nvSpPr>
            <p:cNvPr id="56" name="TextBox 55"/>
            <p:cNvSpPr txBox="1"/>
            <p:nvPr/>
          </p:nvSpPr>
          <p:spPr>
            <a:xfrm>
              <a:off x="1512162" y="1699591"/>
              <a:ext cx="2610384" cy="646331"/>
            </a:xfrm>
            <a:prstGeom prst="rect">
              <a:avLst/>
            </a:prstGeom>
            <a:solidFill>
              <a:schemeClr val="accent6">
                <a:lumMod val="20000"/>
                <a:lumOff val="80000"/>
              </a:schemeClr>
            </a:solidFill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Look for researchers for program evaluation</a:t>
              </a:r>
              <a:endParaRPr lang="en-SG" dirty="0"/>
            </a:p>
          </p:txBody>
        </p:sp>
        <p:grpSp>
          <p:nvGrpSpPr>
            <p:cNvPr id="57" name="Group 56"/>
            <p:cNvGrpSpPr/>
            <p:nvPr/>
          </p:nvGrpSpPr>
          <p:grpSpPr>
            <a:xfrm flipH="1">
              <a:off x="2781908" y="2345922"/>
              <a:ext cx="189384" cy="1295572"/>
              <a:chOff x="3287421" y="4652120"/>
              <a:chExt cx="152400" cy="1002865"/>
            </a:xfrm>
            <a:solidFill>
              <a:schemeClr val="accent5">
                <a:lumMod val="75000"/>
              </a:schemeClr>
            </a:solidFill>
          </p:grpSpPr>
          <p:cxnSp>
            <p:nvCxnSpPr>
              <p:cNvPr id="58" name="Straight Connector 57"/>
              <p:cNvCxnSpPr/>
              <p:nvPr>
                <p:custDataLst>
                  <p:tags r:id="rId2"/>
                </p:custDataLst>
              </p:nvPr>
            </p:nvCxnSpPr>
            <p:spPr>
              <a:xfrm>
                <a:off x="3358553" y="4652120"/>
                <a:ext cx="0" cy="894612"/>
              </a:xfrm>
              <a:prstGeom prst="line">
                <a:avLst/>
              </a:prstGeom>
              <a:grpFill/>
              <a:ln w="12700" cap="flat" cmpd="sng" algn="ctr">
                <a:solidFill>
                  <a:schemeClr val="accent3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9" name="Teardrop 58"/>
              <p:cNvSpPr/>
              <p:nvPr>
                <p:custDataLst>
                  <p:tags r:id="rId3"/>
                </p:custDataLst>
              </p:nvPr>
            </p:nvSpPr>
            <p:spPr>
              <a:xfrm>
                <a:off x="3287421" y="5477185"/>
                <a:ext cx="152400" cy="177800"/>
              </a:xfrm>
              <a:prstGeom prst="teardrop">
                <a:avLst/>
              </a:prstGeom>
              <a:solidFill>
                <a:schemeClr val="accent3"/>
              </a:solidFill>
              <a:ln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sp>
        <p:nvSpPr>
          <p:cNvPr id="30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31177824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" name="Flowchart: Punched Tape 64"/>
          <p:cNvSpPr/>
          <p:nvPr/>
        </p:nvSpPr>
        <p:spPr>
          <a:xfrm flipH="1">
            <a:off x="1073313" y="1922764"/>
            <a:ext cx="6824800" cy="2396545"/>
          </a:xfrm>
          <a:custGeom>
            <a:avLst/>
            <a:gdLst>
              <a:gd name="connsiteX0" fmla="*/ 0 w 10000"/>
              <a:gd name="connsiteY0" fmla="*/ 1000 h 10000"/>
              <a:gd name="connsiteX1" fmla="*/ 2500 w 10000"/>
              <a:gd name="connsiteY1" fmla="*/ 2000 h 10000"/>
              <a:gd name="connsiteX2" fmla="*/ 5000 w 10000"/>
              <a:gd name="connsiteY2" fmla="*/ 1000 h 10000"/>
              <a:gd name="connsiteX3" fmla="*/ 7500 w 10000"/>
              <a:gd name="connsiteY3" fmla="*/ 0 h 10000"/>
              <a:gd name="connsiteX4" fmla="*/ 10000 w 10000"/>
              <a:gd name="connsiteY4" fmla="*/ 1000 h 10000"/>
              <a:gd name="connsiteX5" fmla="*/ 10000 w 10000"/>
              <a:gd name="connsiteY5" fmla="*/ 9000 h 10000"/>
              <a:gd name="connsiteX6" fmla="*/ 7500 w 10000"/>
              <a:gd name="connsiteY6" fmla="*/ 8000 h 10000"/>
              <a:gd name="connsiteX7" fmla="*/ 5000 w 10000"/>
              <a:gd name="connsiteY7" fmla="*/ 9000 h 10000"/>
              <a:gd name="connsiteX8" fmla="*/ 2500 w 10000"/>
              <a:gd name="connsiteY8" fmla="*/ 10000 h 10000"/>
              <a:gd name="connsiteX9" fmla="*/ 0 w 10000"/>
              <a:gd name="connsiteY9" fmla="*/ 9000 h 10000"/>
              <a:gd name="connsiteX10" fmla="*/ 0 w 10000"/>
              <a:gd name="connsiteY10" fmla="*/ 1000 h 10000"/>
              <a:gd name="connsiteX0" fmla="*/ 0 w 10000"/>
              <a:gd name="connsiteY0" fmla="*/ 1004 h 10004"/>
              <a:gd name="connsiteX1" fmla="*/ 2414 w 10000"/>
              <a:gd name="connsiteY1" fmla="*/ 6794 h 10004"/>
              <a:gd name="connsiteX2" fmla="*/ 5000 w 10000"/>
              <a:gd name="connsiteY2" fmla="*/ 1004 h 10004"/>
              <a:gd name="connsiteX3" fmla="*/ 7500 w 10000"/>
              <a:gd name="connsiteY3" fmla="*/ 4 h 10004"/>
              <a:gd name="connsiteX4" fmla="*/ 10000 w 10000"/>
              <a:gd name="connsiteY4" fmla="*/ 1004 h 10004"/>
              <a:gd name="connsiteX5" fmla="*/ 10000 w 10000"/>
              <a:gd name="connsiteY5" fmla="*/ 9004 h 10004"/>
              <a:gd name="connsiteX6" fmla="*/ 7500 w 10000"/>
              <a:gd name="connsiteY6" fmla="*/ 8004 h 10004"/>
              <a:gd name="connsiteX7" fmla="*/ 5000 w 10000"/>
              <a:gd name="connsiteY7" fmla="*/ 9004 h 10004"/>
              <a:gd name="connsiteX8" fmla="*/ 2500 w 10000"/>
              <a:gd name="connsiteY8" fmla="*/ 10004 h 10004"/>
              <a:gd name="connsiteX9" fmla="*/ 0 w 10000"/>
              <a:gd name="connsiteY9" fmla="*/ 9004 h 10004"/>
              <a:gd name="connsiteX10" fmla="*/ 0 w 10000"/>
              <a:gd name="connsiteY10" fmla="*/ 1004 h 10004"/>
              <a:gd name="connsiteX0" fmla="*/ 0 w 10043"/>
              <a:gd name="connsiteY0" fmla="*/ 1368 h 10368"/>
              <a:gd name="connsiteX1" fmla="*/ 2414 w 10043"/>
              <a:gd name="connsiteY1" fmla="*/ 7158 h 10368"/>
              <a:gd name="connsiteX2" fmla="*/ 5000 w 10043"/>
              <a:gd name="connsiteY2" fmla="*/ 1368 h 10368"/>
              <a:gd name="connsiteX3" fmla="*/ 7500 w 10043"/>
              <a:gd name="connsiteY3" fmla="*/ 368 h 10368"/>
              <a:gd name="connsiteX4" fmla="*/ 10043 w 10043"/>
              <a:gd name="connsiteY4" fmla="*/ 6405 h 10368"/>
              <a:gd name="connsiteX5" fmla="*/ 10000 w 10043"/>
              <a:gd name="connsiteY5" fmla="*/ 9368 h 10368"/>
              <a:gd name="connsiteX6" fmla="*/ 7500 w 10043"/>
              <a:gd name="connsiteY6" fmla="*/ 8368 h 10368"/>
              <a:gd name="connsiteX7" fmla="*/ 5000 w 10043"/>
              <a:gd name="connsiteY7" fmla="*/ 9368 h 10368"/>
              <a:gd name="connsiteX8" fmla="*/ 2500 w 10043"/>
              <a:gd name="connsiteY8" fmla="*/ 10368 h 10368"/>
              <a:gd name="connsiteX9" fmla="*/ 0 w 10043"/>
              <a:gd name="connsiteY9" fmla="*/ 9368 h 10368"/>
              <a:gd name="connsiteX10" fmla="*/ 0 w 10043"/>
              <a:gd name="connsiteY10" fmla="*/ 1368 h 10368"/>
              <a:gd name="connsiteX0" fmla="*/ 0 w 10043"/>
              <a:gd name="connsiteY0" fmla="*/ 1136 h 10136"/>
              <a:gd name="connsiteX1" fmla="*/ 2414 w 10043"/>
              <a:gd name="connsiteY1" fmla="*/ 6926 h 10136"/>
              <a:gd name="connsiteX2" fmla="*/ 5539 w 10043"/>
              <a:gd name="connsiteY2" fmla="*/ 2371 h 10136"/>
              <a:gd name="connsiteX3" fmla="*/ 7500 w 10043"/>
              <a:gd name="connsiteY3" fmla="*/ 136 h 10136"/>
              <a:gd name="connsiteX4" fmla="*/ 10043 w 10043"/>
              <a:gd name="connsiteY4" fmla="*/ 6173 h 10136"/>
              <a:gd name="connsiteX5" fmla="*/ 10000 w 10043"/>
              <a:gd name="connsiteY5" fmla="*/ 9136 h 10136"/>
              <a:gd name="connsiteX6" fmla="*/ 7500 w 10043"/>
              <a:gd name="connsiteY6" fmla="*/ 8136 h 10136"/>
              <a:gd name="connsiteX7" fmla="*/ 5000 w 10043"/>
              <a:gd name="connsiteY7" fmla="*/ 9136 h 10136"/>
              <a:gd name="connsiteX8" fmla="*/ 2500 w 10043"/>
              <a:gd name="connsiteY8" fmla="*/ 10136 h 10136"/>
              <a:gd name="connsiteX9" fmla="*/ 0 w 10043"/>
              <a:gd name="connsiteY9" fmla="*/ 9136 h 10136"/>
              <a:gd name="connsiteX10" fmla="*/ 0 w 10043"/>
              <a:gd name="connsiteY10" fmla="*/ 1136 h 10136"/>
              <a:gd name="connsiteX0" fmla="*/ 0 w 10043"/>
              <a:gd name="connsiteY0" fmla="*/ 1168 h 10168"/>
              <a:gd name="connsiteX1" fmla="*/ 2414 w 10043"/>
              <a:gd name="connsiteY1" fmla="*/ 6958 h 10168"/>
              <a:gd name="connsiteX2" fmla="*/ 5539 w 10043"/>
              <a:gd name="connsiteY2" fmla="*/ 2403 h 10168"/>
              <a:gd name="connsiteX3" fmla="*/ 7500 w 10043"/>
              <a:gd name="connsiteY3" fmla="*/ 168 h 10168"/>
              <a:gd name="connsiteX4" fmla="*/ 10043 w 10043"/>
              <a:gd name="connsiteY4" fmla="*/ 6205 h 10168"/>
              <a:gd name="connsiteX5" fmla="*/ 10000 w 10043"/>
              <a:gd name="connsiteY5" fmla="*/ 9168 h 10168"/>
              <a:gd name="connsiteX6" fmla="*/ 7500 w 10043"/>
              <a:gd name="connsiteY6" fmla="*/ 8168 h 10168"/>
              <a:gd name="connsiteX7" fmla="*/ 5000 w 10043"/>
              <a:gd name="connsiteY7" fmla="*/ 9168 h 10168"/>
              <a:gd name="connsiteX8" fmla="*/ 2500 w 10043"/>
              <a:gd name="connsiteY8" fmla="*/ 10168 h 10168"/>
              <a:gd name="connsiteX9" fmla="*/ 0 w 10043"/>
              <a:gd name="connsiteY9" fmla="*/ 9168 h 10168"/>
              <a:gd name="connsiteX10" fmla="*/ 0 w 10043"/>
              <a:gd name="connsiteY10" fmla="*/ 1168 h 10168"/>
              <a:gd name="connsiteX0" fmla="*/ 0 w 10043"/>
              <a:gd name="connsiteY0" fmla="*/ 1168 h 10168"/>
              <a:gd name="connsiteX1" fmla="*/ 2414 w 10043"/>
              <a:gd name="connsiteY1" fmla="*/ 6958 h 10168"/>
              <a:gd name="connsiteX2" fmla="*/ 5539 w 10043"/>
              <a:gd name="connsiteY2" fmla="*/ 2403 h 10168"/>
              <a:gd name="connsiteX3" fmla="*/ 7500 w 10043"/>
              <a:gd name="connsiteY3" fmla="*/ 168 h 10168"/>
              <a:gd name="connsiteX4" fmla="*/ 10043 w 10043"/>
              <a:gd name="connsiteY4" fmla="*/ 6205 h 10168"/>
              <a:gd name="connsiteX5" fmla="*/ 10000 w 10043"/>
              <a:gd name="connsiteY5" fmla="*/ 9168 h 10168"/>
              <a:gd name="connsiteX6" fmla="*/ 7500 w 10043"/>
              <a:gd name="connsiteY6" fmla="*/ 8168 h 10168"/>
              <a:gd name="connsiteX7" fmla="*/ 5000 w 10043"/>
              <a:gd name="connsiteY7" fmla="*/ 9168 h 10168"/>
              <a:gd name="connsiteX8" fmla="*/ 2500 w 10043"/>
              <a:gd name="connsiteY8" fmla="*/ 10168 h 10168"/>
              <a:gd name="connsiteX9" fmla="*/ 0 w 10043"/>
              <a:gd name="connsiteY9" fmla="*/ 9168 h 10168"/>
              <a:gd name="connsiteX10" fmla="*/ 0 w 10043"/>
              <a:gd name="connsiteY10" fmla="*/ 1168 h 10168"/>
              <a:gd name="connsiteX0" fmla="*/ 0 w 10043"/>
              <a:gd name="connsiteY0" fmla="*/ 1168 h 10168"/>
              <a:gd name="connsiteX1" fmla="*/ 2414 w 10043"/>
              <a:gd name="connsiteY1" fmla="*/ 6958 h 10168"/>
              <a:gd name="connsiteX2" fmla="*/ 5539 w 10043"/>
              <a:gd name="connsiteY2" fmla="*/ 2403 h 10168"/>
              <a:gd name="connsiteX3" fmla="*/ 7500 w 10043"/>
              <a:gd name="connsiteY3" fmla="*/ 168 h 10168"/>
              <a:gd name="connsiteX4" fmla="*/ 10043 w 10043"/>
              <a:gd name="connsiteY4" fmla="*/ 6205 h 10168"/>
              <a:gd name="connsiteX5" fmla="*/ 10000 w 10043"/>
              <a:gd name="connsiteY5" fmla="*/ 9168 h 10168"/>
              <a:gd name="connsiteX6" fmla="*/ 7522 w 10043"/>
              <a:gd name="connsiteY6" fmla="*/ 9008 h 10168"/>
              <a:gd name="connsiteX7" fmla="*/ 5000 w 10043"/>
              <a:gd name="connsiteY7" fmla="*/ 9168 h 10168"/>
              <a:gd name="connsiteX8" fmla="*/ 2500 w 10043"/>
              <a:gd name="connsiteY8" fmla="*/ 10168 h 10168"/>
              <a:gd name="connsiteX9" fmla="*/ 0 w 10043"/>
              <a:gd name="connsiteY9" fmla="*/ 9168 h 10168"/>
              <a:gd name="connsiteX10" fmla="*/ 0 w 10043"/>
              <a:gd name="connsiteY10" fmla="*/ 1168 h 10168"/>
              <a:gd name="connsiteX0" fmla="*/ 0 w 10043"/>
              <a:gd name="connsiteY0" fmla="*/ 1168 h 9530"/>
              <a:gd name="connsiteX1" fmla="*/ 2414 w 10043"/>
              <a:gd name="connsiteY1" fmla="*/ 6958 h 9530"/>
              <a:gd name="connsiteX2" fmla="*/ 5539 w 10043"/>
              <a:gd name="connsiteY2" fmla="*/ 2403 h 9530"/>
              <a:gd name="connsiteX3" fmla="*/ 7500 w 10043"/>
              <a:gd name="connsiteY3" fmla="*/ 168 h 9530"/>
              <a:gd name="connsiteX4" fmla="*/ 10043 w 10043"/>
              <a:gd name="connsiteY4" fmla="*/ 6205 h 9530"/>
              <a:gd name="connsiteX5" fmla="*/ 10000 w 10043"/>
              <a:gd name="connsiteY5" fmla="*/ 9168 h 9530"/>
              <a:gd name="connsiteX6" fmla="*/ 7522 w 10043"/>
              <a:gd name="connsiteY6" fmla="*/ 9008 h 9530"/>
              <a:gd name="connsiteX7" fmla="*/ 5000 w 10043"/>
              <a:gd name="connsiteY7" fmla="*/ 9168 h 9530"/>
              <a:gd name="connsiteX8" fmla="*/ 2500 w 10043"/>
              <a:gd name="connsiteY8" fmla="*/ 9477 h 9530"/>
              <a:gd name="connsiteX9" fmla="*/ 0 w 10043"/>
              <a:gd name="connsiteY9" fmla="*/ 9168 h 9530"/>
              <a:gd name="connsiteX10" fmla="*/ 0 w 10043"/>
              <a:gd name="connsiteY10" fmla="*/ 1168 h 9530"/>
              <a:gd name="connsiteX0" fmla="*/ 0 w 10000"/>
              <a:gd name="connsiteY0" fmla="*/ 1226 h 9999"/>
              <a:gd name="connsiteX1" fmla="*/ 2404 w 10000"/>
              <a:gd name="connsiteY1" fmla="*/ 7301 h 9999"/>
              <a:gd name="connsiteX2" fmla="*/ 5515 w 10000"/>
              <a:gd name="connsiteY2" fmla="*/ 2522 h 9999"/>
              <a:gd name="connsiteX3" fmla="*/ 7468 w 10000"/>
              <a:gd name="connsiteY3" fmla="*/ 176 h 9999"/>
              <a:gd name="connsiteX4" fmla="*/ 10000 w 10000"/>
              <a:gd name="connsiteY4" fmla="*/ 6511 h 9999"/>
              <a:gd name="connsiteX5" fmla="*/ 9914 w 10000"/>
              <a:gd name="connsiteY5" fmla="*/ 9309 h 9999"/>
              <a:gd name="connsiteX6" fmla="*/ 7490 w 10000"/>
              <a:gd name="connsiteY6" fmla="*/ 9452 h 9999"/>
              <a:gd name="connsiteX7" fmla="*/ 4979 w 10000"/>
              <a:gd name="connsiteY7" fmla="*/ 9620 h 9999"/>
              <a:gd name="connsiteX8" fmla="*/ 2489 w 10000"/>
              <a:gd name="connsiteY8" fmla="*/ 9944 h 9999"/>
              <a:gd name="connsiteX9" fmla="*/ 0 w 10000"/>
              <a:gd name="connsiteY9" fmla="*/ 9620 h 9999"/>
              <a:gd name="connsiteX10" fmla="*/ 0 w 10000"/>
              <a:gd name="connsiteY10" fmla="*/ 1226 h 9999"/>
              <a:gd name="connsiteX0" fmla="*/ 0 w 10000"/>
              <a:gd name="connsiteY0" fmla="*/ 1226 h 9846"/>
              <a:gd name="connsiteX1" fmla="*/ 2404 w 10000"/>
              <a:gd name="connsiteY1" fmla="*/ 7302 h 9846"/>
              <a:gd name="connsiteX2" fmla="*/ 5515 w 10000"/>
              <a:gd name="connsiteY2" fmla="*/ 2522 h 9846"/>
              <a:gd name="connsiteX3" fmla="*/ 7468 w 10000"/>
              <a:gd name="connsiteY3" fmla="*/ 176 h 9846"/>
              <a:gd name="connsiteX4" fmla="*/ 10000 w 10000"/>
              <a:gd name="connsiteY4" fmla="*/ 6512 h 9846"/>
              <a:gd name="connsiteX5" fmla="*/ 9914 w 10000"/>
              <a:gd name="connsiteY5" fmla="*/ 9310 h 9846"/>
              <a:gd name="connsiteX6" fmla="*/ 7490 w 10000"/>
              <a:gd name="connsiteY6" fmla="*/ 9453 h 9846"/>
              <a:gd name="connsiteX7" fmla="*/ 4979 w 10000"/>
              <a:gd name="connsiteY7" fmla="*/ 9621 h 9846"/>
              <a:gd name="connsiteX8" fmla="*/ 2575 w 10000"/>
              <a:gd name="connsiteY8" fmla="*/ 9479 h 9846"/>
              <a:gd name="connsiteX9" fmla="*/ 0 w 10000"/>
              <a:gd name="connsiteY9" fmla="*/ 9621 h 9846"/>
              <a:gd name="connsiteX10" fmla="*/ 0 w 10000"/>
              <a:gd name="connsiteY10" fmla="*/ 1226 h 9846"/>
              <a:gd name="connsiteX0" fmla="*/ 0 w 10000"/>
              <a:gd name="connsiteY0" fmla="*/ 1245 h 9840"/>
              <a:gd name="connsiteX1" fmla="*/ 2404 w 10000"/>
              <a:gd name="connsiteY1" fmla="*/ 7416 h 9840"/>
              <a:gd name="connsiteX2" fmla="*/ 5515 w 10000"/>
              <a:gd name="connsiteY2" fmla="*/ 2561 h 9840"/>
              <a:gd name="connsiteX3" fmla="*/ 7468 w 10000"/>
              <a:gd name="connsiteY3" fmla="*/ 179 h 9840"/>
              <a:gd name="connsiteX4" fmla="*/ 10000 w 10000"/>
              <a:gd name="connsiteY4" fmla="*/ 6614 h 9840"/>
              <a:gd name="connsiteX5" fmla="*/ 9914 w 10000"/>
              <a:gd name="connsiteY5" fmla="*/ 9456 h 9840"/>
              <a:gd name="connsiteX6" fmla="*/ 7490 w 10000"/>
              <a:gd name="connsiteY6" fmla="*/ 9601 h 9840"/>
              <a:gd name="connsiteX7" fmla="*/ 4979 w 10000"/>
              <a:gd name="connsiteY7" fmla="*/ 9771 h 9840"/>
              <a:gd name="connsiteX8" fmla="*/ 2575 w 10000"/>
              <a:gd name="connsiteY8" fmla="*/ 9627 h 9840"/>
              <a:gd name="connsiteX9" fmla="*/ 43 w 10000"/>
              <a:gd name="connsiteY9" fmla="*/ 9560 h 9840"/>
              <a:gd name="connsiteX10" fmla="*/ 0 w 10000"/>
              <a:gd name="connsiteY10" fmla="*/ 1245 h 984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914 w 10000"/>
              <a:gd name="connsiteY5" fmla="*/ 9610 h 10000"/>
              <a:gd name="connsiteX6" fmla="*/ 7490 w 10000"/>
              <a:gd name="connsiteY6" fmla="*/ 975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914 w 10000"/>
              <a:gd name="connsiteY5" fmla="*/ 9610 h 10000"/>
              <a:gd name="connsiteX6" fmla="*/ 7469 w 10000"/>
              <a:gd name="connsiteY6" fmla="*/ 959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871 w 10000"/>
              <a:gd name="connsiteY5" fmla="*/ 9557 h 10000"/>
              <a:gd name="connsiteX6" fmla="*/ 7469 w 10000"/>
              <a:gd name="connsiteY6" fmla="*/ 959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871 w 10000"/>
              <a:gd name="connsiteY5" fmla="*/ 9557 h 10000"/>
              <a:gd name="connsiteX6" fmla="*/ 7469 w 10000"/>
              <a:gd name="connsiteY6" fmla="*/ 959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8"/>
              <a:gd name="connsiteY0" fmla="*/ 1265 h 10000"/>
              <a:gd name="connsiteX1" fmla="*/ 2404 w 10008"/>
              <a:gd name="connsiteY1" fmla="*/ 7537 h 10000"/>
              <a:gd name="connsiteX2" fmla="*/ 5515 w 10008"/>
              <a:gd name="connsiteY2" fmla="*/ 2603 h 10000"/>
              <a:gd name="connsiteX3" fmla="*/ 7468 w 10008"/>
              <a:gd name="connsiteY3" fmla="*/ 182 h 10000"/>
              <a:gd name="connsiteX4" fmla="*/ 10000 w 10008"/>
              <a:gd name="connsiteY4" fmla="*/ 6722 h 10000"/>
              <a:gd name="connsiteX5" fmla="*/ 9871 w 10008"/>
              <a:gd name="connsiteY5" fmla="*/ 9557 h 10000"/>
              <a:gd name="connsiteX6" fmla="*/ 7469 w 10008"/>
              <a:gd name="connsiteY6" fmla="*/ 9597 h 10000"/>
              <a:gd name="connsiteX7" fmla="*/ 5022 w 10008"/>
              <a:gd name="connsiteY7" fmla="*/ 9716 h 10000"/>
              <a:gd name="connsiteX8" fmla="*/ 2575 w 10008"/>
              <a:gd name="connsiteY8" fmla="*/ 9784 h 10000"/>
              <a:gd name="connsiteX9" fmla="*/ 43 w 10008"/>
              <a:gd name="connsiteY9" fmla="*/ 9715 h 10000"/>
              <a:gd name="connsiteX10" fmla="*/ 0 w 10008"/>
              <a:gd name="connsiteY10" fmla="*/ 1265 h 10000"/>
              <a:gd name="connsiteX0" fmla="*/ 0 w 10008"/>
              <a:gd name="connsiteY0" fmla="*/ 1265 h 9794"/>
              <a:gd name="connsiteX1" fmla="*/ 2404 w 10008"/>
              <a:gd name="connsiteY1" fmla="*/ 7537 h 9794"/>
              <a:gd name="connsiteX2" fmla="*/ 5515 w 10008"/>
              <a:gd name="connsiteY2" fmla="*/ 2603 h 9794"/>
              <a:gd name="connsiteX3" fmla="*/ 7468 w 10008"/>
              <a:gd name="connsiteY3" fmla="*/ 182 h 9794"/>
              <a:gd name="connsiteX4" fmla="*/ 10000 w 10008"/>
              <a:gd name="connsiteY4" fmla="*/ 6722 h 9794"/>
              <a:gd name="connsiteX5" fmla="*/ 9871 w 10008"/>
              <a:gd name="connsiteY5" fmla="*/ 9557 h 9794"/>
              <a:gd name="connsiteX6" fmla="*/ 7469 w 10008"/>
              <a:gd name="connsiteY6" fmla="*/ 9597 h 9794"/>
              <a:gd name="connsiteX7" fmla="*/ 5022 w 10008"/>
              <a:gd name="connsiteY7" fmla="*/ 9716 h 9794"/>
              <a:gd name="connsiteX8" fmla="*/ 2575 w 10008"/>
              <a:gd name="connsiteY8" fmla="*/ 9784 h 9794"/>
              <a:gd name="connsiteX9" fmla="*/ 43 w 10008"/>
              <a:gd name="connsiteY9" fmla="*/ 9715 h 9794"/>
              <a:gd name="connsiteX10" fmla="*/ 0 w 10008"/>
              <a:gd name="connsiteY10" fmla="*/ 1265 h 9794"/>
              <a:gd name="connsiteX0" fmla="*/ 0 w 10000"/>
              <a:gd name="connsiteY0" fmla="*/ 1292 h 10000"/>
              <a:gd name="connsiteX1" fmla="*/ 2402 w 10000"/>
              <a:gd name="connsiteY1" fmla="*/ 7696 h 10000"/>
              <a:gd name="connsiteX2" fmla="*/ 5511 w 10000"/>
              <a:gd name="connsiteY2" fmla="*/ 2658 h 10000"/>
              <a:gd name="connsiteX3" fmla="*/ 7462 w 10000"/>
              <a:gd name="connsiteY3" fmla="*/ 186 h 10000"/>
              <a:gd name="connsiteX4" fmla="*/ 9992 w 10000"/>
              <a:gd name="connsiteY4" fmla="*/ 6863 h 10000"/>
              <a:gd name="connsiteX5" fmla="*/ 9863 w 10000"/>
              <a:gd name="connsiteY5" fmla="*/ 9758 h 10000"/>
              <a:gd name="connsiteX6" fmla="*/ 7463 w 10000"/>
              <a:gd name="connsiteY6" fmla="*/ 9799 h 10000"/>
              <a:gd name="connsiteX7" fmla="*/ 5018 w 10000"/>
              <a:gd name="connsiteY7" fmla="*/ 9920 h 10000"/>
              <a:gd name="connsiteX8" fmla="*/ 2573 w 10000"/>
              <a:gd name="connsiteY8" fmla="*/ 9990 h 10000"/>
              <a:gd name="connsiteX9" fmla="*/ 43 w 10000"/>
              <a:gd name="connsiteY9" fmla="*/ 9919 h 10000"/>
              <a:gd name="connsiteX10" fmla="*/ 0 w 10000"/>
              <a:gd name="connsiteY10" fmla="*/ 1292 h 10000"/>
              <a:gd name="connsiteX0" fmla="*/ 0 w 10000"/>
              <a:gd name="connsiteY0" fmla="*/ 1292 h 10000"/>
              <a:gd name="connsiteX1" fmla="*/ 675 w 10000"/>
              <a:gd name="connsiteY1" fmla="*/ 3923 h 10000"/>
              <a:gd name="connsiteX2" fmla="*/ 2402 w 10000"/>
              <a:gd name="connsiteY2" fmla="*/ 7696 h 10000"/>
              <a:gd name="connsiteX3" fmla="*/ 5511 w 10000"/>
              <a:gd name="connsiteY3" fmla="*/ 2658 h 10000"/>
              <a:gd name="connsiteX4" fmla="*/ 7462 w 10000"/>
              <a:gd name="connsiteY4" fmla="*/ 186 h 10000"/>
              <a:gd name="connsiteX5" fmla="*/ 9992 w 10000"/>
              <a:gd name="connsiteY5" fmla="*/ 6863 h 10000"/>
              <a:gd name="connsiteX6" fmla="*/ 9863 w 10000"/>
              <a:gd name="connsiteY6" fmla="*/ 9758 h 10000"/>
              <a:gd name="connsiteX7" fmla="*/ 7463 w 10000"/>
              <a:gd name="connsiteY7" fmla="*/ 9799 h 10000"/>
              <a:gd name="connsiteX8" fmla="*/ 5018 w 10000"/>
              <a:gd name="connsiteY8" fmla="*/ 9920 h 10000"/>
              <a:gd name="connsiteX9" fmla="*/ 2573 w 10000"/>
              <a:gd name="connsiteY9" fmla="*/ 9990 h 10000"/>
              <a:gd name="connsiteX10" fmla="*/ 43 w 10000"/>
              <a:gd name="connsiteY10" fmla="*/ 9919 h 10000"/>
              <a:gd name="connsiteX11" fmla="*/ 0 w 10000"/>
              <a:gd name="connsiteY11" fmla="*/ 1292 h 10000"/>
              <a:gd name="connsiteX0" fmla="*/ 0 w 10000"/>
              <a:gd name="connsiteY0" fmla="*/ 1292 h 10000"/>
              <a:gd name="connsiteX1" fmla="*/ 975 w 10000"/>
              <a:gd name="connsiteY1" fmla="*/ 1301 h 10000"/>
              <a:gd name="connsiteX2" fmla="*/ 2402 w 10000"/>
              <a:gd name="connsiteY2" fmla="*/ 7696 h 10000"/>
              <a:gd name="connsiteX3" fmla="*/ 5511 w 10000"/>
              <a:gd name="connsiteY3" fmla="*/ 2658 h 10000"/>
              <a:gd name="connsiteX4" fmla="*/ 7462 w 10000"/>
              <a:gd name="connsiteY4" fmla="*/ 186 h 10000"/>
              <a:gd name="connsiteX5" fmla="*/ 9992 w 10000"/>
              <a:gd name="connsiteY5" fmla="*/ 6863 h 10000"/>
              <a:gd name="connsiteX6" fmla="*/ 9863 w 10000"/>
              <a:gd name="connsiteY6" fmla="*/ 9758 h 10000"/>
              <a:gd name="connsiteX7" fmla="*/ 7463 w 10000"/>
              <a:gd name="connsiteY7" fmla="*/ 9799 h 10000"/>
              <a:gd name="connsiteX8" fmla="*/ 5018 w 10000"/>
              <a:gd name="connsiteY8" fmla="*/ 9920 h 10000"/>
              <a:gd name="connsiteX9" fmla="*/ 2573 w 10000"/>
              <a:gd name="connsiteY9" fmla="*/ 9990 h 10000"/>
              <a:gd name="connsiteX10" fmla="*/ 43 w 10000"/>
              <a:gd name="connsiteY10" fmla="*/ 9919 h 10000"/>
              <a:gd name="connsiteX11" fmla="*/ 0 w 10000"/>
              <a:gd name="connsiteY11" fmla="*/ 1292 h 10000"/>
              <a:gd name="connsiteX0" fmla="*/ 0 w 10000"/>
              <a:gd name="connsiteY0" fmla="*/ 1256 h 9964"/>
              <a:gd name="connsiteX1" fmla="*/ 975 w 10000"/>
              <a:gd name="connsiteY1" fmla="*/ 1265 h 9964"/>
              <a:gd name="connsiteX2" fmla="*/ 2531 w 10000"/>
              <a:gd name="connsiteY2" fmla="*/ 7660 h 9964"/>
              <a:gd name="connsiteX3" fmla="*/ 5511 w 10000"/>
              <a:gd name="connsiteY3" fmla="*/ 2622 h 9964"/>
              <a:gd name="connsiteX4" fmla="*/ 7462 w 10000"/>
              <a:gd name="connsiteY4" fmla="*/ 150 h 9964"/>
              <a:gd name="connsiteX5" fmla="*/ 9992 w 10000"/>
              <a:gd name="connsiteY5" fmla="*/ 6827 h 9964"/>
              <a:gd name="connsiteX6" fmla="*/ 9863 w 10000"/>
              <a:gd name="connsiteY6" fmla="*/ 9722 h 9964"/>
              <a:gd name="connsiteX7" fmla="*/ 7463 w 10000"/>
              <a:gd name="connsiteY7" fmla="*/ 9763 h 9964"/>
              <a:gd name="connsiteX8" fmla="*/ 5018 w 10000"/>
              <a:gd name="connsiteY8" fmla="*/ 9884 h 9964"/>
              <a:gd name="connsiteX9" fmla="*/ 2573 w 10000"/>
              <a:gd name="connsiteY9" fmla="*/ 9954 h 9964"/>
              <a:gd name="connsiteX10" fmla="*/ 43 w 10000"/>
              <a:gd name="connsiteY10" fmla="*/ 9883 h 9964"/>
              <a:gd name="connsiteX11" fmla="*/ 0 w 10000"/>
              <a:gd name="connsiteY11" fmla="*/ 1256 h 9964"/>
              <a:gd name="connsiteX0" fmla="*/ 0 w 10000"/>
              <a:gd name="connsiteY0" fmla="*/ 1261 h 10000"/>
              <a:gd name="connsiteX1" fmla="*/ 975 w 10000"/>
              <a:gd name="connsiteY1" fmla="*/ 1270 h 10000"/>
              <a:gd name="connsiteX2" fmla="*/ 2531 w 10000"/>
              <a:gd name="connsiteY2" fmla="*/ 7688 h 10000"/>
              <a:gd name="connsiteX3" fmla="*/ 5511 w 10000"/>
              <a:gd name="connsiteY3" fmla="*/ 2631 h 10000"/>
              <a:gd name="connsiteX4" fmla="*/ 7462 w 10000"/>
              <a:gd name="connsiteY4" fmla="*/ 151 h 10000"/>
              <a:gd name="connsiteX5" fmla="*/ 9992 w 10000"/>
              <a:gd name="connsiteY5" fmla="*/ 6852 h 10000"/>
              <a:gd name="connsiteX6" fmla="*/ 9863 w 10000"/>
              <a:gd name="connsiteY6" fmla="*/ 9757 h 10000"/>
              <a:gd name="connsiteX7" fmla="*/ 7463 w 10000"/>
              <a:gd name="connsiteY7" fmla="*/ 9798 h 10000"/>
              <a:gd name="connsiteX8" fmla="*/ 5018 w 10000"/>
              <a:gd name="connsiteY8" fmla="*/ 9920 h 10000"/>
              <a:gd name="connsiteX9" fmla="*/ 2573 w 10000"/>
              <a:gd name="connsiteY9" fmla="*/ 9990 h 10000"/>
              <a:gd name="connsiteX10" fmla="*/ 43 w 10000"/>
              <a:gd name="connsiteY10" fmla="*/ 9919 h 10000"/>
              <a:gd name="connsiteX11" fmla="*/ 0 w 10000"/>
              <a:gd name="connsiteY11" fmla="*/ 1261 h 10000"/>
              <a:gd name="connsiteX0" fmla="*/ 0 w 10000"/>
              <a:gd name="connsiteY0" fmla="*/ 1273 h 10012"/>
              <a:gd name="connsiteX1" fmla="*/ 975 w 10000"/>
              <a:gd name="connsiteY1" fmla="*/ 1282 h 10012"/>
              <a:gd name="connsiteX2" fmla="*/ 2531 w 10000"/>
              <a:gd name="connsiteY2" fmla="*/ 7700 h 10012"/>
              <a:gd name="connsiteX3" fmla="*/ 5511 w 10000"/>
              <a:gd name="connsiteY3" fmla="*/ 2643 h 10012"/>
              <a:gd name="connsiteX4" fmla="*/ 7462 w 10000"/>
              <a:gd name="connsiteY4" fmla="*/ 163 h 10012"/>
              <a:gd name="connsiteX5" fmla="*/ 9992 w 10000"/>
              <a:gd name="connsiteY5" fmla="*/ 6864 h 10012"/>
              <a:gd name="connsiteX6" fmla="*/ 9863 w 10000"/>
              <a:gd name="connsiteY6" fmla="*/ 9769 h 10012"/>
              <a:gd name="connsiteX7" fmla="*/ 7463 w 10000"/>
              <a:gd name="connsiteY7" fmla="*/ 9810 h 10012"/>
              <a:gd name="connsiteX8" fmla="*/ 5018 w 10000"/>
              <a:gd name="connsiteY8" fmla="*/ 9932 h 10012"/>
              <a:gd name="connsiteX9" fmla="*/ 2573 w 10000"/>
              <a:gd name="connsiteY9" fmla="*/ 10002 h 10012"/>
              <a:gd name="connsiteX10" fmla="*/ 43 w 10000"/>
              <a:gd name="connsiteY10" fmla="*/ 9931 h 10012"/>
              <a:gd name="connsiteX11" fmla="*/ 0 w 10000"/>
              <a:gd name="connsiteY11" fmla="*/ 1273 h 10012"/>
              <a:gd name="connsiteX0" fmla="*/ 0 w 9992"/>
              <a:gd name="connsiteY0" fmla="*/ 1273 h 10012"/>
              <a:gd name="connsiteX1" fmla="*/ 975 w 9992"/>
              <a:gd name="connsiteY1" fmla="*/ 1282 h 10012"/>
              <a:gd name="connsiteX2" fmla="*/ 2531 w 9992"/>
              <a:gd name="connsiteY2" fmla="*/ 7700 h 10012"/>
              <a:gd name="connsiteX3" fmla="*/ 5511 w 9992"/>
              <a:gd name="connsiteY3" fmla="*/ 2643 h 10012"/>
              <a:gd name="connsiteX4" fmla="*/ 7462 w 9992"/>
              <a:gd name="connsiteY4" fmla="*/ 163 h 10012"/>
              <a:gd name="connsiteX5" fmla="*/ 9992 w 9992"/>
              <a:gd name="connsiteY5" fmla="*/ 6864 h 10012"/>
              <a:gd name="connsiteX6" fmla="*/ 9863 w 9992"/>
              <a:gd name="connsiteY6" fmla="*/ 9769 h 10012"/>
              <a:gd name="connsiteX7" fmla="*/ 7463 w 9992"/>
              <a:gd name="connsiteY7" fmla="*/ 9810 h 10012"/>
              <a:gd name="connsiteX8" fmla="*/ 5018 w 9992"/>
              <a:gd name="connsiteY8" fmla="*/ 9932 h 10012"/>
              <a:gd name="connsiteX9" fmla="*/ 2573 w 9992"/>
              <a:gd name="connsiteY9" fmla="*/ 10002 h 10012"/>
              <a:gd name="connsiteX10" fmla="*/ 43 w 9992"/>
              <a:gd name="connsiteY10" fmla="*/ 9931 h 10012"/>
              <a:gd name="connsiteX11" fmla="*/ 0 w 9992"/>
              <a:gd name="connsiteY11" fmla="*/ 1273 h 10012"/>
              <a:gd name="connsiteX0" fmla="*/ 0 w 10002"/>
              <a:gd name="connsiteY0" fmla="*/ 1271 h 10000"/>
              <a:gd name="connsiteX1" fmla="*/ 976 w 10002"/>
              <a:gd name="connsiteY1" fmla="*/ 1280 h 10000"/>
              <a:gd name="connsiteX2" fmla="*/ 2533 w 10002"/>
              <a:gd name="connsiteY2" fmla="*/ 7691 h 10000"/>
              <a:gd name="connsiteX3" fmla="*/ 5515 w 10002"/>
              <a:gd name="connsiteY3" fmla="*/ 2640 h 10000"/>
              <a:gd name="connsiteX4" fmla="*/ 7468 w 10002"/>
              <a:gd name="connsiteY4" fmla="*/ 163 h 10000"/>
              <a:gd name="connsiteX5" fmla="*/ 10000 w 10002"/>
              <a:gd name="connsiteY5" fmla="*/ 6856 h 10000"/>
              <a:gd name="connsiteX6" fmla="*/ 9957 w 10002"/>
              <a:gd name="connsiteY6" fmla="*/ 9812 h 10000"/>
              <a:gd name="connsiteX7" fmla="*/ 7469 w 10002"/>
              <a:gd name="connsiteY7" fmla="*/ 9798 h 10000"/>
              <a:gd name="connsiteX8" fmla="*/ 5022 w 10002"/>
              <a:gd name="connsiteY8" fmla="*/ 9920 h 10000"/>
              <a:gd name="connsiteX9" fmla="*/ 2575 w 10002"/>
              <a:gd name="connsiteY9" fmla="*/ 9990 h 10000"/>
              <a:gd name="connsiteX10" fmla="*/ 43 w 10002"/>
              <a:gd name="connsiteY10" fmla="*/ 9919 h 10000"/>
              <a:gd name="connsiteX11" fmla="*/ 0 w 10002"/>
              <a:gd name="connsiteY11" fmla="*/ 1271 h 10000"/>
              <a:gd name="connsiteX0" fmla="*/ 2 w 9964"/>
              <a:gd name="connsiteY0" fmla="*/ 6965 h 10000"/>
              <a:gd name="connsiteX1" fmla="*/ 938 w 9964"/>
              <a:gd name="connsiteY1" fmla="*/ 1280 h 10000"/>
              <a:gd name="connsiteX2" fmla="*/ 2495 w 9964"/>
              <a:gd name="connsiteY2" fmla="*/ 7691 h 10000"/>
              <a:gd name="connsiteX3" fmla="*/ 5477 w 9964"/>
              <a:gd name="connsiteY3" fmla="*/ 2640 h 10000"/>
              <a:gd name="connsiteX4" fmla="*/ 7430 w 9964"/>
              <a:gd name="connsiteY4" fmla="*/ 163 h 10000"/>
              <a:gd name="connsiteX5" fmla="*/ 9962 w 9964"/>
              <a:gd name="connsiteY5" fmla="*/ 6856 h 10000"/>
              <a:gd name="connsiteX6" fmla="*/ 9919 w 9964"/>
              <a:gd name="connsiteY6" fmla="*/ 9812 h 10000"/>
              <a:gd name="connsiteX7" fmla="*/ 7431 w 9964"/>
              <a:gd name="connsiteY7" fmla="*/ 9798 h 10000"/>
              <a:gd name="connsiteX8" fmla="*/ 4984 w 9964"/>
              <a:gd name="connsiteY8" fmla="*/ 9920 h 10000"/>
              <a:gd name="connsiteX9" fmla="*/ 2537 w 9964"/>
              <a:gd name="connsiteY9" fmla="*/ 9990 h 10000"/>
              <a:gd name="connsiteX10" fmla="*/ 5 w 9964"/>
              <a:gd name="connsiteY10" fmla="*/ 9919 h 10000"/>
              <a:gd name="connsiteX11" fmla="*/ 2 w 9964"/>
              <a:gd name="connsiteY11" fmla="*/ 6965 h 10000"/>
              <a:gd name="connsiteX0" fmla="*/ 0 w 10018"/>
              <a:gd name="connsiteY0" fmla="*/ 7731 h 10000"/>
              <a:gd name="connsiteX1" fmla="*/ 959 w 10018"/>
              <a:gd name="connsiteY1" fmla="*/ 1280 h 10000"/>
              <a:gd name="connsiteX2" fmla="*/ 2522 w 10018"/>
              <a:gd name="connsiteY2" fmla="*/ 7691 h 10000"/>
              <a:gd name="connsiteX3" fmla="*/ 5515 w 10018"/>
              <a:gd name="connsiteY3" fmla="*/ 2640 h 10000"/>
              <a:gd name="connsiteX4" fmla="*/ 7475 w 10018"/>
              <a:gd name="connsiteY4" fmla="*/ 163 h 10000"/>
              <a:gd name="connsiteX5" fmla="*/ 10016 w 10018"/>
              <a:gd name="connsiteY5" fmla="*/ 6856 h 10000"/>
              <a:gd name="connsiteX6" fmla="*/ 9973 w 10018"/>
              <a:gd name="connsiteY6" fmla="*/ 9812 h 10000"/>
              <a:gd name="connsiteX7" fmla="*/ 7476 w 10018"/>
              <a:gd name="connsiteY7" fmla="*/ 9798 h 10000"/>
              <a:gd name="connsiteX8" fmla="*/ 5020 w 10018"/>
              <a:gd name="connsiteY8" fmla="*/ 9920 h 10000"/>
              <a:gd name="connsiteX9" fmla="*/ 2564 w 10018"/>
              <a:gd name="connsiteY9" fmla="*/ 9990 h 10000"/>
              <a:gd name="connsiteX10" fmla="*/ 23 w 10018"/>
              <a:gd name="connsiteY10" fmla="*/ 9919 h 10000"/>
              <a:gd name="connsiteX11" fmla="*/ 0 w 10018"/>
              <a:gd name="connsiteY11" fmla="*/ 7731 h 10000"/>
              <a:gd name="connsiteX0" fmla="*/ 0 w 10018"/>
              <a:gd name="connsiteY0" fmla="*/ 7731 h 10000"/>
              <a:gd name="connsiteX1" fmla="*/ 959 w 10018"/>
              <a:gd name="connsiteY1" fmla="*/ 1280 h 10000"/>
              <a:gd name="connsiteX2" fmla="*/ 2522 w 10018"/>
              <a:gd name="connsiteY2" fmla="*/ 7691 h 10000"/>
              <a:gd name="connsiteX3" fmla="*/ 5515 w 10018"/>
              <a:gd name="connsiteY3" fmla="*/ 2640 h 10000"/>
              <a:gd name="connsiteX4" fmla="*/ 7475 w 10018"/>
              <a:gd name="connsiteY4" fmla="*/ 163 h 10000"/>
              <a:gd name="connsiteX5" fmla="*/ 10016 w 10018"/>
              <a:gd name="connsiteY5" fmla="*/ 6856 h 10000"/>
              <a:gd name="connsiteX6" fmla="*/ 9973 w 10018"/>
              <a:gd name="connsiteY6" fmla="*/ 9812 h 10000"/>
              <a:gd name="connsiteX7" fmla="*/ 7476 w 10018"/>
              <a:gd name="connsiteY7" fmla="*/ 9798 h 10000"/>
              <a:gd name="connsiteX8" fmla="*/ 5020 w 10018"/>
              <a:gd name="connsiteY8" fmla="*/ 9920 h 10000"/>
              <a:gd name="connsiteX9" fmla="*/ 2564 w 10018"/>
              <a:gd name="connsiteY9" fmla="*/ 9990 h 10000"/>
              <a:gd name="connsiteX10" fmla="*/ 23 w 10018"/>
              <a:gd name="connsiteY10" fmla="*/ 9919 h 10000"/>
              <a:gd name="connsiteX11" fmla="*/ 0 w 10018"/>
              <a:gd name="connsiteY11" fmla="*/ 7731 h 10000"/>
              <a:gd name="connsiteX0" fmla="*/ 0 w 10018"/>
              <a:gd name="connsiteY0" fmla="*/ 8224 h 10000"/>
              <a:gd name="connsiteX1" fmla="*/ 959 w 10018"/>
              <a:gd name="connsiteY1" fmla="*/ 1280 h 10000"/>
              <a:gd name="connsiteX2" fmla="*/ 2522 w 10018"/>
              <a:gd name="connsiteY2" fmla="*/ 7691 h 10000"/>
              <a:gd name="connsiteX3" fmla="*/ 5515 w 10018"/>
              <a:gd name="connsiteY3" fmla="*/ 2640 h 10000"/>
              <a:gd name="connsiteX4" fmla="*/ 7475 w 10018"/>
              <a:gd name="connsiteY4" fmla="*/ 163 h 10000"/>
              <a:gd name="connsiteX5" fmla="*/ 10016 w 10018"/>
              <a:gd name="connsiteY5" fmla="*/ 6856 h 10000"/>
              <a:gd name="connsiteX6" fmla="*/ 9973 w 10018"/>
              <a:gd name="connsiteY6" fmla="*/ 9812 h 10000"/>
              <a:gd name="connsiteX7" fmla="*/ 7476 w 10018"/>
              <a:gd name="connsiteY7" fmla="*/ 9798 h 10000"/>
              <a:gd name="connsiteX8" fmla="*/ 5020 w 10018"/>
              <a:gd name="connsiteY8" fmla="*/ 9920 h 10000"/>
              <a:gd name="connsiteX9" fmla="*/ 2564 w 10018"/>
              <a:gd name="connsiteY9" fmla="*/ 9990 h 10000"/>
              <a:gd name="connsiteX10" fmla="*/ 23 w 10018"/>
              <a:gd name="connsiteY10" fmla="*/ 9919 h 10000"/>
              <a:gd name="connsiteX11" fmla="*/ 0 w 10018"/>
              <a:gd name="connsiteY11" fmla="*/ 8224 h 10000"/>
              <a:gd name="connsiteX0" fmla="*/ 0 w 10018"/>
              <a:gd name="connsiteY0" fmla="*/ 8204 h 9980"/>
              <a:gd name="connsiteX1" fmla="*/ 959 w 10018"/>
              <a:gd name="connsiteY1" fmla="*/ 1260 h 9980"/>
              <a:gd name="connsiteX2" fmla="*/ 3172 w 10018"/>
              <a:gd name="connsiteY2" fmla="*/ 6740 h 9980"/>
              <a:gd name="connsiteX3" fmla="*/ 5515 w 10018"/>
              <a:gd name="connsiteY3" fmla="*/ 2620 h 9980"/>
              <a:gd name="connsiteX4" fmla="*/ 7475 w 10018"/>
              <a:gd name="connsiteY4" fmla="*/ 143 h 9980"/>
              <a:gd name="connsiteX5" fmla="*/ 10016 w 10018"/>
              <a:gd name="connsiteY5" fmla="*/ 6836 h 9980"/>
              <a:gd name="connsiteX6" fmla="*/ 9973 w 10018"/>
              <a:gd name="connsiteY6" fmla="*/ 9792 h 9980"/>
              <a:gd name="connsiteX7" fmla="*/ 7476 w 10018"/>
              <a:gd name="connsiteY7" fmla="*/ 9778 h 9980"/>
              <a:gd name="connsiteX8" fmla="*/ 5020 w 10018"/>
              <a:gd name="connsiteY8" fmla="*/ 9900 h 9980"/>
              <a:gd name="connsiteX9" fmla="*/ 2564 w 10018"/>
              <a:gd name="connsiteY9" fmla="*/ 9970 h 9980"/>
              <a:gd name="connsiteX10" fmla="*/ 23 w 10018"/>
              <a:gd name="connsiteY10" fmla="*/ 9899 h 9980"/>
              <a:gd name="connsiteX11" fmla="*/ 0 w 10018"/>
              <a:gd name="connsiteY11" fmla="*/ 8204 h 998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2525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3348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39 w 10039"/>
              <a:gd name="connsiteY0" fmla="*/ 8220 h 10035"/>
              <a:gd name="connsiteX1" fmla="*/ 996 w 10039"/>
              <a:gd name="connsiteY1" fmla="*/ 3348 h 10035"/>
              <a:gd name="connsiteX2" fmla="*/ 3205 w 10039"/>
              <a:gd name="connsiteY2" fmla="*/ 6754 h 10035"/>
              <a:gd name="connsiteX3" fmla="*/ 5544 w 10039"/>
              <a:gd name="connsiteY3" fmla="*/ 2625 h 10035"/>
              <a:gd name="connsiteX4" fmla="*/ 7501 w 10039"/>
              <a:gd name="connsiteY4" fmla="*/ 143 h 10035"/>
              <a:gd name="connsiteX5" fmla="*/ 10037 w 10039"/>
              <a:gd name="connsiteY5" fmla="*/ 6850 h 10035"/>
              <a:gd name="connsiteX6" fmla="*/ 9994 w 10039"/>
              <a:gd name="connsiteY6" fmla="*/ 9812 h 10035"/>
              <a:gd name="connsiteX7" fmla="*/ 7502 w 10039"/>
              <a:gd name="connsiteY7" fmla="*/ 9798 h 10035"/>
              <a:gd name="connsiteX8" fmla="*/ 5050 w 10039"/>
              <a:gd name="connsiteY8" fmla="*/ 9920 h 10035"/>
              <a:gd name="connsiteX9" fmla="*/ 2598 w 10039"/>
              <a:gd name="connsiteY9" fmla="*/ 9990 h 10035"/>
              <a:gd name="connsiteX10" fmla="*/ 1 w 10039"/>
              <a:gd name="connsiteY10" fmla="*/ 9978 h 10035"/>
              <a:gd name="connsiteX11" fmla="*/ 39 w 10039"/>
              <a:gd name="connsiteY11" fmla="*/ 8220 h 10035"/>
              <a:gd name="connsiteX0" fmla="*/ 39 w 10039"/>
              <a:gd name="connsiteY0" fmla="*/ 8220 h 10035"/>
              <a:gd name="connsiteX1" fmla="*/ 996 w 10039"/>
              <a:gd name="connsiteY1" fmla="*/ 3348 h 10035"/>
              <a:gd name="connsiteX2" fmla="*/ 3205 w 10039"/>
              <a:gd name="connsiteY2" fmla="*/ 6754 h 10035"/>
              <a:gd name="connsiteX3" fmla="*/ 5544 w 10039"/>
              <a:gd name="connsiteY3" fmla="*/ 2625 h 10035"/>
              <a:gd name="connsiteX4" fmla="*/ 7984 w 10039"/>
              <a:gd name="connsiteY4" fmla="*/ 143 h 10035"/>
              <a:gd name="connsiteX5" fmla="*/ 10037 w 10039"/>
              <a:gd name="connsiteY5" fmla="*/ 6850 h 10035"/>
              <a:gd name="connsiteX6" fmla="*/ 9994 w 10039"/>
              <a:gd name="connsiteY6" fmla="*/ 9812 h 10035"/>
              <a:gd name="connsiteX7" fmla="*/ 7502 w 10039"/>
              <a:gd name="connsiteY7" fmla="*/ 9798 h 10035"/>
              <a:gd name="connsiteX8" fmla="*/ 5050 w 10039"/>
              <a:gd name="connsiteY8" fmla="*/ 9920 h 10035"/>
              <a:gd name="connsiteX9" fmla="*/ 2598 w 10039"/>
              <a:gd name="connsiteY9" fmla="*/ 9990 h 10035"/>
              <a:gd name="connsiteX10" fmla="*/ 1 w 10039"/>
              <a:gd name="connsiteY10" fmla="*/ 9978 h 10035"/>
              <a:gd name="connsiteX11" fmla="*/ 39 w 10039"/>
              <a:gd name="connsiteY11" fmla="*/ 8220 h 10035"/>
              <a:gd name="connsiteX0" fmla="*/ 39 w 10039"/>
              <a:gd name="connsiteY0" fmla="*/ 8078 h 9893"/>
              <a:gd name="connsiteX1" fmla="*/ 996 w 10039"/>
              <a:gd name="connsiteY1" fmla="*/ 3206 h 9893"/>
              <a:gd name="connsiteX2" fmla="*/ 3205 w 10039"/>
              <a:gd name="connsiteY2" fmla="*/ 6612 h 9893"/>
              <a:gd name="connsiteX3" fmla="*/ 5544 w 10039"/>
              <a:gd name="connsiteY3" fmla="*/ 2483 h 9893"/>
              <a:gd name="connsiteX4" fmla="*/ 7984 w 10039"/>
              <a:gd name="connsiteY4" fmla="*/ 1 h 9893"/>
              <a:gd name="connsiteX5" fmla="*/ 10037 w 10039"/>
              <a:gd name="connsiteY5" fmla="*/ 6708 h 9893"/>
              <a:gd name="connsiteX6" fmla="*/ 9994 w 10039"/>
              <a:gd name="connsiteY6" fmla="*/ 9670 h 9893"/>
              <a:gd name="connsiteX7" fmla="*/ 7502 w 10039"/>
              <a:gd name="connsiteY7" fmla="*/ 9656 h 9893"/>
              <a:gd name="connsiteX8" fmla="*/ 5050 w 10039"/>
              <a:gd name="connsiteY8" fmla="*/ 9778 h 9893"/>
              <a:gd name="connsiteX9" fmla="*/ 2598 w 10039"/>
              <a:gd name="connsiteY9" fmla="*/ 9848 h 9893"/>
              <a:gd name="connsiteX10" fmla="*/ 1 w 10039"/>
              <a:gd name="connsiteY10" fmla="*/ 9836 h 9893"/>
              <a:gd name="connsiteX11" fmla="*/ 39 w 10039"/>
              <a:gd name="connsiteY11" fmla="*/ 8078 h 9893"/>
              <a:gd name="connsiteX0" fmla="*/ 39 w 10000"/>
              <a:gd name="connsiteY0" fmla="*/ 8165 h 10000"/>
              <a:gd name="connsiteX1" fmla="*/ 992 w 10000"/>
              <a:gd name="connsiteY1" fmla="*/ 3241 h 10000"/>
              <a:gd name="connsiteX2" fmla="*/ 3193 w 10000"/>
              <a:gd name="connsiteY2" fmla="*/ 6684 h 10000"/>
              <a:gd name="connsiteX3" fmla="*/ 5522 w 10000"/>
              <a:gd name="connsiteY3" fmla="*/ 2510 h 10000"/>
              <a:gd name="connsiteX4" fmla="*/ 7953 w 10000"/>
              <a:gd name="connsiteY4" fmla="*/ 1 h 10000"/>
              <a:gd name="connsiteX5" fmla="*/ 9998 w 10000"/>
              <a:gd name="connsiteY5" fmla="*/ 6781 h 10000"/>
              <a:gd name="connsiteX6" fmla="*/ 9955 w 10000"/>
              <a:gd name="connsiteY6" fmla="*/ 9775 h 10000"/>
              <a:gd name="connsiteX7" fmla="*/ 7473 w 10000"/>
              <a:gd name="connsiteY7" fmla="*/ 9760 h 10000"/>
              <a:gd name="connsiteX8" fmla="*/ 5030 w 10000"/>
              <a:gd name="connsiteY8" fmla="*/ 9884 h 10000"/>
              <a:gd name="connsiteX9" fmla="*/ 2588 w 10000"/>
              <a:gd name="connsiteY9" fmla="*/ 9955 h 10000"/>
              <a:gd name="connsiteX10" fmla="*/ 1 w 10000"/>
              <a:gd name="connsiteY10" fmla="*/ 9942 h 10000"/>
              <a:gd name="connsiteX11" fmla="*/ 39 w 10000"/>
              <a:gd name="connsiteY11" fmla="*/ 8165 h 10000"/>
              <a:gd name="connsiteX0" fmla="*/ 39 w 10000"/>
              <a:gd name="connsiteY0" fmla="*/ 8165 h 10075"/>
              <a:gd name="connsiteX1" fmla="*/ 992 w 10000"/>
              <a:gd name="connsiteY1" fmla="*/ 3241 h 10075"/>
              <a:gd name="connsiteX2" fmla="*/ 3193 w 10000"/>
              <a:gd name="connsiteY2" fmla="*/ 6684 h 10075"/>
              <a:gd name="connsiteX3" fmla="*/ 5522 w 10000"/>
              <a:gd name="connsiteY3" fmla="*/ 2510 h 10075"/>
              <a:gd name="connsiteX4" fmla="*/ 7953 w 10000"/>
              <a:gd name="connsiteY4" fmla="*/ 1 h 10075"/>
              <a:gd name="connsiteX5" fmla="*/ 9998 w 10000"/>
              <a:gd name="connsiteY5" fmla="*/ 6781 h 10075"/>
              <a:gd name="connsiteX6" fmla="*/ 9955 w 10000"/>
              <a:gd name="connsiteY6" fmla="*/ 10075 h 10075"/>
              <a:gd name="connsiteX7" fmla="*/ 7473 w 10000"/>
              <a:gd name="connsiteY7" fmla="*/ 9760 h 10075"/>
              <a:gd name="connsiteX8" fmla="*/ 5030 w 10000"/>
              <a:gd name="connsiteY8" fmla="*/ 9884 h 10075"/>
              <a:gd name="connsiteX9" fmla="*/ 2588 w 10000"/>
              <a:gd name="connsiteY9" fmla="*/ 9955 h 10075"/>
              <a:gd name="connsiteX10" fmla="*/ 1 w 10000"/>
              <a:gd name="connsiteY10" fmla="*/ 9942 h 10075"/>
              <a:gd name="connsiteX11" fmla="*/ 39 w 10000"/>
              <a:gd name="connsiteY11" fmla="*/ 8165 h 100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0000" h="10075">
                <a:moveTo>
                  <a:pt x="39" y="8165"/>
                </a:moveTo>
                <a:cubicBezTo>
                  <a:pt x="143" y="7152"/>
                  <a:pt x="351" y="3266"/>
                  <a:pt x="992" y="3241"/>
                </a:cubicBezTo>
                <a:cubicBezTo>
                  <a:pt x="1716" y="3326"/>
                  <a:pt x="2437" y="6806"/>
                  <a:pt x="3193" y="6684"/>
                </a:cubicBezTo>
                <a:cubicBezTo>
                  <a:pt x="3948" y="6561"/>
                  <a:pt x="4751" y="3984"/>
                  <a:pt x="5522" y="2510"/>
                </a:cubicBezTo>
                <a:cubicBezTo>
                  <a:pt x="6293" y="1036"/>
                  <a:pt x="7059" y="9"/>
                  <a:pt x="7953" y="1"/>
                </a:cubicBezTo>
                <a:cubicBezTo>
                  <a:pt x="8846" y="-7"/>
                  <a:pt x="9998" y="6160"/>
                  <a:pt x="9998" y="6781"/>
                </a:cubicBezTo>
                <a:cubicBezTo>
                  <a:pt x="9984" y="7889"/>
                  <a:pt x="10033" y="9741"/>
                  <a:pt x="9955" y="10075"/>
                </a:cubicBezTo>
                <a:cubicBezTo>
                  <a:pt x="10062" y="9732"/>
                  <a:pt x="8294" y="9792"/>
                  <a:pt x="7473" y="9760"/>
                </a:cubicBezTo>
                <a:cubicBezTo>
                  <a:pt x="6652" y="9728"/>
                  <a:pt x="5845" y="9852"/>
                  <a:pt x="5030" y="9884"/>
                </a:cubicBezTo>
                <a:cubicBezTo>
                  <a:pt x="4216" y="9916"/>
                  <a:pt x="3961" y="9955"/>
                  <a:pt x="2588" y="9955"/>
                </a:cubicBezTo>
                <a:cubicBezTo>
                  <a:pt x="1216" y="9955"/>
                  <a:pt x="22" y="10065"/>
                  <a:pt x="1" y="9942"/>
                </a:cubicBezTo>
                <a:cubicBezTo>
                  <a:pt x="-13" y="6912"/>
                  <a:pt x="53" y="10310"/>
                  <a:pt x="39" y="8165"/>
                </a:cubicBezTo>
                <a:close/>
              </a:path>
            </a:pathLst>
          </a:custGeom>
          <a:solidFill>
            <a:schemeClr val="accent1">
              <a:lumMod val="20000"/>
              <a:lumOff val="80000"/>
              <a:alpha val="31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93362" y="0"/>
            <a:ext cx="8709248" cy="1143000"/>
          </a:xfrm>
        </p:spPr>
        <p:txBody>
          <a:bodyPr>
            <a:normAutofit fontScale="90000"/>
          </a:bodyPr>
          <a:lstStyle/>
          <a:p>
            <a:r>
              <a:rPr lang="en-SG" dirty="0" smtClean="0"/>
              <a:t>Optimal Timeline for Program Evaluation</a:t>
            </a:r>
            <a:endParaRPr lang="en-SG" dirty="0"/>
          </a:p>
        </p:txBody>
      </p:sp>
      <p:grpSp>
        <p:nvGrpSpPr>
          <p:cNvPr id="3" name="Group 2"/>
          <p:cNvGrpSpPr/>
          <p:nvPr/>
        </p:nvGrpSpPr>
        <p:grpSpPr>
          <a:xfrm>
            <a:off x="-12049" y="4177589"/>
            <a:ext cx="9014659" cy="2188391"/>
            <a:chOff x="-86683" y="2960949"/>
            <a:chExt cx="9014659" cy="2188391"/>
          </a:xfrm>
        </p:grpSpPr>
        <p:sp>
          <p:nvSpPr>
            <p:cNvPr id="4" name="Rounded Rectangle 3"/>
            <p:cNvSpPr/>
            <p:nvPr/>
          </p:nvSpPr>
          <p:spPr>
            <a:xfrm>
              <a:off x="628328" y="2960949"/>
              <a:ext cx="7109398" cy="328586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grpSp>
          <p:nvGrpSpPr>
            <p:cNvPr id="16" name="Group 15"/>
            <p:cNvGrpSpPr/>
            <p:nvPr/>
          </p:nvGrpSpPr>
          <p:grpSpPr>
            <a:xfrm>
              <a:off x="628328" y="3102669"/>
              <a:ext cx="152400" cy="964113"/>
              <a:chOff x="5857900" y="4794250"/>
              <a:chExt cx="152400" cy="714419"/>
            </a:xfrm>
          </p:grpSpPr>
          <p:cxnSp>
            <p:nvCxnSpPr>
              <p:cNvPr id="8" name="Straight Connector 7"/>
              <p:cNvCxnSpPr/>
              <p:nvPr>
                <p:custDataLst>
                  <p:tags r:id="rId9"/>
                </p:custDataLst>
              </p:nvPr>
            </p:nvCxnSpPr>
            <p:spPr>
              <a:xfrm>
                <a:off x="5934100" y="4972050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" name="Teardrop 8"/>
              <p:cNvSpPr/>
              <p:nvPr>
                <p:custDataLst>
                  <p:tags r:id="rId10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17" name="TextBox 16"/>
            <p:cNvSpPr txBox="1"/>
            <p:nvPr/>
          </p:nvSpPr>
          <p:spPr>
            <a:xfrm>
              <a:off x="-86683" y="3983306"/>
              <a:ext cx="234662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Conception of New Program</a:t>
              </a:r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2781908" y="4137217"/>
              <a:ext cx="1872208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Implementation of Program</a:t>
              </a:r>
              <a:endParaRPr lang="en-SG" dirty="0"/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6804248" y="4133677"/>
              <a:ext cx="2123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SG" dirty="0" smtClean="0"/>
                <a:t>Evaluate Outcome</a:t>
              </a:r>
              <a:endParaRPr lang="en-SG" dirty="0"/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6651848" y="3141318"/>
              <a:ext cx="152400" cy="1638688"/>
              <a:chOff x="5857900" y="4794250"/>
              <a:chExt cx="152400" cy="1214287"/>
            </a:xfrm>
          </p:grpSpPr>
          <p:cxnSp>
            <p:nvCxnSpPr>
              <p:cNvPr id="25" name="Straight Connector 24"/>
              <p:cNvCxnSpPr/>
              <p:nvPr>
                <p:custDataLst>
                  <p:tags r:id="rId7"/>
                </p:custDataLst>
              </p:nvPr>
            </p:nvCxnSpPr>
            <p:spPr>
              <a:xfrm>
                <a:off x="5934100" y="4972050"/>
                <a:ext cx="0" cy="1036487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" name="Teardrop 25"/>
              <p:cNvSpPr/>
              <p:nvPr>
                <p:custDataLst>
                  <p:tags r:id="rId8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27" name="Group 26"/>
            <p:cNvGrpSpPr/>
            <p:nvPr/>
          </p:nvGrpSpPr>
          <p:grpSpPr>
            <a:xfrm>
              <a:off x="7517510" y="3147425"/>
              <a:ext cx="152400" cy="964113"/>
              <a:chOff x="5517906" y="4827415"/>
              <a:chExt cx="152400" cy="714419"/>
            </a:xfrm>
          </p:grpSpPr>
          <p:cxnSp>
            <p:nvCxnSpPr>
              <p:cNvPr id="28" name="Straight Connector 27"/>
              <p:cNvCxnSpPr/>
              <p:nvPr>
                <p:custDataLst>
                  <p:tags r:id="rId5"/>
                </p:custDataLst>
              </p:nvPr>
            </p:nvCxnSpPr>
            <p:spPr>
              <a:xfrm>
                <a:off x="5594106" y="5005215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9" name="Teardrop 28"/>
              <p:cNvSpPr/>
              <p:nvPr>
                <p:custDataLst>
                  <p:tags r:id="rId6"/>
                </p:custDataLst>
              </p:nvPr>
            </p:nvSpPr>
            <p:spPr>
              <a:xfrm>
                <a:off x="5517906" y="4827415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31" name="TextBox 30"/>
            <p:cNvSpPr txBox="1"/>
            <p:nvPr/>
          </p:nvSpPr>
          <p:spPr>
            <a:xfrm>
              <a:off x="5280748" y="4780008"/>
              <a:ext cx="2585364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Post-test Data Collection</a:t>
              </a:r>
              <a:endParaRPr lang="en-SG" dirty="0"/>
            </a:p>
          </p:txBody>
        </p:sp>
      </p:grpSp>
      <p:sp>
        <p:nvSpPr>
          <p:cNvPr id="57" name="Rectangle 56"/>
          <p:cNvSpPr/>
          <p:nvPr/>
        </p:nvSpPr>
        <p:spPr>
          <a:xfrm>
            <a:off x="1335472" y="4191944"/>
            <a:ext cx="2380973" cy="309073"/>
          </a:xfrm>
          <a:prstGeom prst="rect">
            <a:avLst/>
          </a:prstGeom>
          <a:solidFill>
            <a:srgbClr val="FFFF00"/>
          </a:solidFill>
          <a:ln/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grpSp>
        <p:nvGrpSpPr>
          <p:cNvPr id="58" name="Group 57"/>
          <p:cNvGrpSpPr/>
          <p:nvPr/>
        </p:nvGrpSpPr>
        <p:grpSpPr>
          <a:xfrm>
            <a:off x="3640246" y="4386204"/>
            <a:ext cx="152400" cy="964113"/>
            <a:chOff x="5857900" y="4794250"/>
            <a:chExt cx="152400" cy="714419"/>
          </a:xfrm>
        </p:grpSpPr>
        <p:cxnSp>
          <p:nvCxnSpPr>
            <p:cNvPr id="59" name="Straight Connector 58"/>
            <p:cNvCxnSpPr/>
            <p:nvPr>
              <p:custDataLst>
                <p:tags r:id="rId3"/>
              </p:custDataLst>
            </p:nvPr>
          </p:nvCxnSpPr>
          <p:spPr>
            <a:xfrm>
              <a:off x="5934100" y="4972050"/>
              <a:ext cx="0" cy="536619"/>
            </a:xfrm>
            <a:prstGeom prst="line">
              <a:avLst/>
            </a:prstGeom>
            <a:ln w="12700" cap="flat" cmpd="sng" algn="ctr">
              <a:solidFill>
                <a:schemeClr val="accent2">
                  <a:alpha val="3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0" name="Teardrop 59"/>
            <p:cNvSpPr/>
            <p:nvPr>
              <p:custDataLst>
                <p:tags r:id="rId4"/>
              </p:custDataLst>
            </p:nvPr>
          </p:nvSpPr>
          <p:spPr>
            <a:xfrm>
              <a:off x="5857900" y="4794250"/>
              <a:ext cx="152400" cy="177800"/>
            </a:xfrm>
            <a:prstGeom prst="teardrop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72691" y="3130173"/>
            <a:ext cx="2525564" cy="1125485"/>
            <a:chOff x="72691" y="3130173"/>
            <a:chExt cx="2525564" cy="1125485"/>
          </a:xfrm>
        </p:grpSpPr>
        <p:sp>
          <p:nvSpPr>
            <p:cNvPr id="23" name="TextBox 22"/>
            <p:cNvSpPr txBox="1"/>
            <p:nvPr/>
          </p:nvSpPr>
          <p:spPr>
            <a:xfrm>
              <a:off x="72691" y="3130173"/>
              <a:ext cx="2525564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Look for researchers for program evaluation</a:t>
              </a:r>
              <a:endParaRPr lang="en-SG" dirty="0"/>
            </a:p>
          </p:txBody>
        </p:sp>
        <p:grpSp>
          <p:nvGrpSpPr>
            <p:cNvPr id="44" name="Group 43"/>
            <p:cNvGrpSpPr/>
            <p:nvPr/>
          </p:nvGrpSpPr>
          <p:grpSpPr>
            <a:xfrm flipV="1">
              <a:off x="1240781" y="3736527"/>
              <a:ext cx="189384" cy="519131"/>
              <a:chOff x="2848093" y="4794252"/>
              <a:chExt cx="152400" cy="517215"/>
            </a:xfrm>
            <a:solidFill>
              <a:schemeClr val="accent5">
                <a:lumMod val="75000"/>
              </a:schemeClr>
            </a:solidFill>
          </p:grpSpPr>
          <p:sp>
            <p:nvSpPr>
              <p:cNvPr id="45" name="Teardrop 44"/>
              <p:cNvSpPr/>
              <p:nvPr>
                <p:custDataLst>
                  <p:tags r:id="rId1"/>
                </p:custDataLst>
              </p:nvPr>
            </p:nvSpPr>
            <p:spPr>
              <a:xfrm>
                <a:off x="2848093" y="4794252"/>
                <a:ext cx="152400" cy="177801"/>
              </a:xfrm>
              <a:prstGeom prst="teardrop">
                <a:avLst/>
              </a:prstGeom>
              <a:solidFill>
                <a:schemeClr val="accent3"/>
              </a:solidFill>
              <a:ln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46" name="Straight Connector 45"/>
              <p:cNvCxnSpPr/>
              <p:nvPr>
                <p:custDataLst>
                  <p:tags r:id="rId2"/>
                </p:custDataLst>
              </p:nvPr>
            </p:nvCxnSpPr>
            <p:spPr>
              <a:xfrm flipH="1">
                <a:off x="2924293" y="4883149"/>
                <a:ext cx="6" cy="428318"/>
              </a:xfrm>
              <a:prstGeom prst="line">
                <a:avLst/>
              </a:prstGeom>
              <a:grpFill/>
              <a:ln w="12700" cap="flat" cmpd="sng" algn="ctr">
                <a:solidFill>
                  <a:schemeClr val="accent3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20" name="Group 19"/>
          <p:cNvGrpSpPr/>
          <p:nvPr/>
        </p:nvGrpSpPr>
        <p:grpSpPr>
          <a:xfrm>
            <a:off x="2598255" y="3201203"/>
            <a:ext cx="3197880" cy="584775"/>
            <a:chOff x="2598255" y="3201203"/>
            <a:chExt cx="3197880" cy="584775"/>
          </a:xfrm>
        </p:grpSpPr>
        <p:sp>
          <p:nvSpPr>
            <p:cNvPr id="54" name="TextBox 53"/>
            <p:cNvSpPr txBox="1"/>
            <p:nvPr/>
          </p:nvSpPr>
          <p:spPr>
            <a:xfrm>
              <a:off x="2949746" y="3201203"/>
              <a:ext cx="2846389" cy="584775"/>
            </a:xfrm>
            <a:prstGeom prst="rect">
              <a:avLst/>
            </a:prstGeom>
            <a:solidFill>
              <a:schemeClr val="accent6">
                <a:lumMod val="20000"/>
                <a:lumOff val="80000"/>
              </a:schemeClr>
            </a:solidFill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sz="1600" dirty="0" smtClean="0"/>
                <a:t>Suggest improvements to program</a:t>
              </a:r>
              <a:endParaRPr lang="en-SG" sz="1600" dirty="0"/>
            </a:p>
          </p:txBody>
        </p:sp>
        <p:sp>
          <p:nvSpPr>
            <p:cNvPr id="13" name="Right Arrow 12"/>
            <p:cNvSpPr/>
            <p:nvPr/>
          </p:nvSpPr>
          <p:spPr>
            <a:xfrm>
              <a:off x="2598255" y="3268672"/>
              <a:ext cx="258287" cy="184666"/>
            </a:xfrm>
            <a:prstGeom prst="rightArrow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solidFill>
                <a:schemeClr val="accent6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  <p:sp>
        <p:nvSpPr>
          <p:cNvPr id="66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203017" y="6465992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39133860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" name="Flowchart: Punched Tape 64"/>
          <p:cNvSpPr/>
          <p:nvPr/>
        </p:nvSpPr>
        <p:spPr>
          <a:xfrm flipH="1">
            <a:off x="1073313" y="1922764"/>
            <a:ext cx="6824800" cy="2396545"/>
          </a:xfrm>
          <a:custGeom>
            <a:avLst/>
            <a:gdLst>
              <a:gd name="connsiteX0" fmla="*/ 0 w 10000"/>
              <a:gd name="connsiteY0" fmla="*/ 1000 h 10000"/>
              <a:gd name="connsiteX1" fmla="*/ 2500 w 10000"/>
              <a:gd name="connsiteY1" fmla="*/ 2000 h 10000"/>
              <a:gd name="connsiteX2" fmla="*/ 5000 w 10000"/>
              <a:gd name="connsiteY2" fmla="*/ 1000 h 10000"/>
              <a:gd name="connsiteX3" fmla="*/ 7500 w 10000"/>
              <a:gd name="connsiteY3" fmla="*/ 0 h 10000"/>
              <a:gd name="connsiteX4" fmla="*/ 10000 w 10000"/>
              <a:gd name="connsiteY4" fmla="*/ 1000 h 10000"/>
              <a:gd name="connsiteX5" fmla="*/ 10000 w 10000"/>
              <a:gd name="connsiteY5" fmla="*/ 9000 h 10000"/>
              <a:gd name="connsiteX6" fmla="*/ 7500 w 10000"/>
              <a:gd name="connsiteY6" fmla="*/ 8000 h 10000"/>
              <a:gd name="connsiteX7" fmla="*/ 5000 w 10000"/>
              <a:gd name="connsiteY7" fmla="*/ 9000 h 10000"/>
              <a:gd name="connsiteX8" fmla="*/ 2500 w 10000"/>
              <a:gd name="connsiteY8" fmla="*/ 10000 h 10000"/>
              <a:gd name="connsiteX9" fmla="*/ 0 w 10000"/>
              <a:gd name="connsiteY9" fmla="*/ 9000 h 10000"/>
              <a:gd name="connsiteX10" fmla="*/ 0 w 10000"/>
              <a:gd name="connsiteY10" fmla="*/ 1000 h 10000"/>
              <a:gd name="connsiteX0" fmla="*/ 0 w 10000"/>
              <a:gd name="connsiteY0" fmla="*/ 1004 h 10004"/>
              <a:gd name="connsiteX1" fmla="*/ 2414 w 10000"/>
              <a:gd name="connsiteY1" fmla="*/ 6794 h 10004"/>
              <a:gd name="connsiteX2" fmla="*/ 5000 w 10000"/>
              <a:gd name="connsiteY2" fmla="*/ 1004 h 10004"/>
              <a:gd name="connsiteX3" fmla="*/ 7500 w 10000"/>
              <a:gd name="connsiteY3" fmla="*/ 4 h 10004"/>
              <a:gd name="connsiteX4" fmla="*/ 10000 w 10000"/>
              <a:gd name="connsiteY4" fmla="*/ 1004 h 10004"/>
              <a:gd name="connsiteX5" fmla="*/ 10000 w 10000"/>
              <a:gd name="connsiteY5" fmla="*/ 9004 h 10004"/>
              <a:gd name="connsiteX6" fmla="*/ 7500 w 10000"/>
              <a:gd name="connsiteY6" fmla="*/ 8004 h 10004"/>
              <a:gd name="connsiteX7" fmla="*/ 5000 w 10000"/>
              <a:gd name="connsiteY7" fmla="*/ 9004 h 10004"/>
              <a:gd name="connsiteX8" fmla="*/ 2500 w 10000"/>
              <a:gd name="connsiteY8" fmla="*/ 10004 h 10004"/>
              <a:gd name="connsiteX9" fmla="*/ 0 w 10000"/>
              <a:gd name="connsiteY9" fmla="*/ 9004 h 10004"/>
              <a:gd name="connsiteX10" fmla="*/ 0 w 10000"/>
              <a:gd name="connsiteY10" fmla="*/ 1004 h 10004"/>
              <a:gd name="connsiteX0" fmla="*/ 0 w 10043"/>
              <a:gd name="connsiteY0" fmla="*/ 1368 h 10368"/>
              <a:gd name="connsiteX1" fmla="*/ 2414 w 10043"/>
              <a:gd name="connsiteY1" fmla="*/ 7158 h 10368"/>
              <a:gd name="connsiteX2" fmla="*/ 5000 w 10043"/>
              <a:gd name="connsiteY2" fmla="*/ 1368 h 10368"/>
              <a:gd name="connsiteX3" fmla="*/ 7500 w 10043"/>
              <a:gd name="connsiteY3" fmla="*/ 368 h 10368"/>
              <a:gd name="connsiteX4" fmla="*/ 10043 w 10043"/>
              <a:gd name="connsiteY4" fmla="*/ 6405 h 10368"/>
              <a:gd name="connsiteX5" fmla="*/ 10000 w 10043"/>
              <a:gd name="connsiteY5" fmla="*/ 9368 h 10368"/>
              <a:gd name="connsiteX6" fmla="*/ 7500 w 10043"/>
              <a:gd name="connsiteY6" fmla="*/ 8368 h 10368"/>
              <a:gd name="connsiteX7" fmla="*/ 5000 w 10043"/>
              <a:gd name="connsiteY7" fmla="*/ 9368 h 10368"/>
              <a:gd name="connsiteX8" fmla="*/ 2500 w 10043"/>
              <a:gd name="connsiteY8" fmla="*/ 10368 h 10368"/>
              <a:gd name="connsiteX9" fmla="*/ 0 w 10043"/>
              <a:gd name="connsiteY9" fmla="*/ 9368 h 10368"/>
              <a:gd name="connsiteX10" fmla="*/ 0 w 10043"/>
              <a:gd name="connsiteY10" fmla="*/ 1368 h 10368"/>
              <a:gd name="connsiteX0" fmla="*/ 0 w 10043"/>
              <a:gd name="connsiteY0" fmla="*/ 1136 h 10136"/>
              <a:gd name="connsiteX1" fmla="*/ 2414 w 10043"/>
              <a:gd name="connsiteY1" fmla="*/ 6926 h 10136"/>
              <a:gd name="connsiteX2" fmla="*/ 5539 w 10043"/>
              <a:gd name="connsiteY2" fmla="*/ 2371 h 10136"/>
              <a:gd name="connsiteX3" fmla="*/ 7500 w 10043"/>
              <a:gd name="connsiteY3" fmla="*/ 136 h 10136"/>
              <a:gd name="connsiteX4" fmla="*/ 10043 w 10043"/>
              <a:gd name="connsiteY4" fmla="*/ 6173 h 10136"/>
              <a:gd name="connsiteX5" fmla="*/ 10000 w 10043"/>
              <a:gd name="connsiteY5" fmla="*/ 9136 h 10136"/>
              <a:gd name="connsiteX6" fmla="*/ 7500 w 10043"/>
              <a:gd name="connsiteY6" fmla="*/ 8136 h 10136"/>
              <a:gd name="connsiteX7" fmla="*/ 5000 w 10043"/>
              <a:gd name="connsiteY7" fmla="*/ 9136 h 10136"/>
              <a:gd name="connsiteX8" fmla="*/ 2500 w 10043"/>
              <a:gd name="connsiteY8" fmla="*/ 10136 h 10136"/>
              <a:gd name="connsiteX9" fmla="*/ 0 w 10043"/>
              <a:gd name="connsiteY9" fmla="*/ 9136 h 10136"/>
              <a:gd name="connsiteX10" fmla="*/ 0 w 10043"/>
              <a:gd name="connsiteY10" fmla="*/ 1136 h 10136"/>
              <a:gd name="connsiteX0" fmla="*/ 0 w 10043"/>
              <a:gd name="connsiteY0" fmla="*/ 1168 h 10168"/>
              <a:gd name="connsiteX1" fmla="*/ 2414 w 10043"/>
              <a:gd name="connsiteY1" fmla="*/ 6958 h 10168"/>
              <a:gd name="connsiteX2" fmla="*/ 5539 w 10043"/>
              <a:gd name="connsiteY2" fmla="*/ 2403 h 10168"/>
              <a:gd name="connsiteX3" fmla="*/ 7500 w 10043"/>
              <a:gd name="connsiteY3" fmla="*/ 168 h 10168"/>
              <a:gd name="connsiteX4" fmla="*/ 10043 w 10043"/>
              <a:gd name="connsiteY4" fmla="*/ 6205 h 10168"/>
              <a:gd name="connsiteX5" fmla="*/ 10000 w 10043"/>
              <a:gd name="connsiteY5" fmla="*/ 9168 h 10168"/>
              <a:gd name="connsiteX6" fmla="*/ 7500 w 10043"/>
              <a:gd name="connsiteY6" fmla="*/ 8168 h 10168"/>
              <a:gd name="connsiteX7" fmla="*/ 5000 w 10043"/>
              <a:gd name="connsiteY7" fmla="*/ 9168 h 10168"/>
              <a:gd name="connsiteX8" fmla="*/ 2500 w 10043"/>
              <a:gd name="connsiteY8" fmla="*/ 10168 h 10168"/>
              <a:gd name="connsiteX9" fmla="*/ 0 w 10043"/>
              <a:gd name="connsiteY9" fmla="*/ 9168 h 10168"/>
              <a:gd name="connsiteX10" fmla="*/ 0 w 10043"/>
              <a:gd name="connsiteY10" fmla="*/ 1168 h 10168"/>
              <a:gd name="connsiteX0" fmla="*/ 0 w 10043"/>
              <a:gd name="connsiteY0" fmla="*/ 1168 h 10168"/>
              <a:gd name="connsiteX1" fmla="*/ 2414 w 10043"/>
              <a:gd name="connsiteY1" fmla="*/ 6958 h 10168"/>
              <a:gd name="connsiteX2" fmla="*/ 5539 w 10043"/>
              <a:gd name="connsiteY2" fmla="*/ 2403 h 10168"/>
              <a:gd name="connsiteX3" fmla="*/ 7500 w 10043"/>
              <a:gd name="connsiteY3" fmla="*/ 168 h 10168"/>
              <a:gd name="connsiteX4" fmla="*/ 10043 w 10043"/>
              <a:gd name="connsiteY4" fmla="*/ 6205 h 10168"/>
              <a:gd name="connsiteX5" fmla="*/ 10000 w 10043"/>
              <a:gd name="connsiteY5" fmla="*/ 9168 h 10168"/>
              <a:gd name="connsiteX6" fmla="*/ 7500 w 10043"/>
              <a:gd name="connsiteY6" fmla="*/ 8168 h 10168"/>
              <a:gd name="connsiteX7" fmla="*/ 5000 w 10043"/>
              <a:gd name="connsiteY7" fmla="*/ 9168 h 10168"/>
              <a:gd name="connsiteX8" fmla="*/ 2500 w 10043"/>
              <a:gd name="connsiteY8" fmla="*/ 10168 h 10168"/>
              <a:gd name="connsiteX9" fmla="*/ 0 w 10043"/>
              <a:gd name="connsiteY9" fmla="*/ 9168 h 10168"/>
              <a:gd name="connsiteX10" fmla="*/ 0 w 10043"/>
              <a:gd name="connsiteY10" fmla="*/ 1168 h 10168"/>
              <a:gd name="connsiteX0" fmla="*/ 0 w 10043"/>
              <a:gd name="connsiteY0" fmla="*/ 1168 h 10168"/>
              <a:gd name="connsiteX1" fmla="*/ 2414 w 10043"/>
              <a:gd name="connsiteY1" fmla="*/ 6958 h 10168"/>
              <a:gd name="connsiteX2" fmla="*/ 5539 w 10043"/>
              <a:gd name="connsiteY2" fmla="*/ 2403 h 10168"/>
              <a:gd name="connsiteX3" fmla="*/ 7500 w 10043"/>
              <a:gd name="connsiteY3" fmla="*/ 168 h 10168"/>
              <a:gd name="connsiteX4" fmla="*/ 10043 w 10043"/>
              <a:gd name="connsiteY4" fmla="*/ 6205 h 10168"/>
              <a:gd name="connsiteX5" fmla="*/ 10000 w 10043"/>
              <a:gd name="connsiteY5" fmla="*/ 9168 h 10168"/>
              <a:gd name="connsiteX6" fmla="*/ 7522 w 10043"/>
              <a:gd name="connsiteY6" fmla="*/ 9008 h 10168"/>
              <a:gd name="connsiteX7" fmla="*/ 5000 w 10043"/>
              <a:gd name="connsiteY7" fmla="*/ 9168 h 10168"/>
              <a:gd name="connsiteX8" fmla="*/ 2500 w 10043"/>
              <a:gd name="connsiteY8" fmla="*/ 10168 h 10168"/>
              <a:gd name="connsiteX9" fmla="*/ 0 w 10043"/>
              <a:gd name="connsiteY9" fmla="*/ 9168 h 10168"/>
              <a:gd name="connsiteX10" fmla="*/ 0 w 10043"/>
              <a:gd name="connsiteY10" fmla="*/ 1168 h 10168"/>
              <a:gd name="connsiteX0" fmla="*/ 0 w 10043"/>
              <a:gd name="connsiteY0" fmla="*/ 1168 h 9530"/>
              <a:gd name="connsiteX1" fmla="*/ 2414 w 10043"/>
              <a:gd name="connsiteY1" fmla="*/ 6958 h 9530"/>
              <a:gd name="connsiteX2" fmla="*/ 5539 w 10043"/>
              <a:gd name="connsiteY2" fmla="*/ 2403 h 9530"/>
              <a:gd name="connsiteX3" fmla="*/ 7500 w 10043"/>
              <a:gd name="connsiteY3" fmla="*/ 168 h 9530"/>
              <a:gd name="connsiteX4" fmla="*/ 10043 w 10043"/>
              <a:gd name="connsiteY4" fmla="*/ 6205 h 9530"/>
              <a:gd name="connsiteX5" fmla="*/ 10000 w 10043"/>
              <a:gd name="connsiteY5" fmla="*/ 9168 h 9530"/>
              <a:gd name="connsiteX6" fmla="*/ 7522 w 10043"/>
              <a:gd name="connsiteY6" fmla="*/ 9008 h 9530"/>
              <a:gd name="connsiteX7" fmla="*/ 5000 w 10043"/>
              <a:gd name="connsiteY7" fmla="*/ 9168 h 9530"/>
              <a:gd name="connsiteX8" fmla="*/ 2500 w 10043"/>
              <a:gd name="connsiteY8" fmla="*/ 9477 h 9530"/>
              <a:gd name="connsiteX9" fmla="*/ 0 w 10043"/>
              <a:gd name="connsiteY9" fmla="*/ 9168 h 9530"/>
              <a:gd name="connsiteX10" fmla="*/ 0 w 10043"/>
              <a:gd name="connsiteY10" fmla="*/ 1168 h 9530"/>
              <a:gd name="connsiteX0" fmla="*/ 0 w 10000"/>
              <a:gd name="connsiteY0" fmla="*/ 1226 h 9999"/>
              <a:gd name="connsiteX1" fmla="*/ 2404 w 10000"/>
              <a:gd name="connsiteY1" fmla="*/ 7301 h 9999"/>
              <a:gd name="connsiteX2" fmla="*/ 5515 w 10000"/>
              <a:gd name="connsiteY2" fmla="*/ 2522 h 9999"/>
              <a:gd name="connsiteX3" fmla="*/ 7468 w 10000"/>
              <a:gd name="connsiteY3" fmla="*/ 176 h 9999"/>
              <a:gd name="connsiteX4" fmla="*/ 10000 w 10000"/>
              <a:gd name="connsiteY4" fmla="*/ 6511 h 9999"/>
              <a:gd name="connsiteX5" fmla="*/ 9914 w 10000"/>
              <a:gd name="connsiteY5" fmla="*/ 9309 h 9999"/>
              <a:gd name="connsiteX6" fmla="*/ 7490 w 10000"/>
              <a:gd name="connsiteY6" fmla="*/ 9452 h 9999"/>
              <a:gd name="connsiteX7" fmla="*/ 4979 w 10000"/>
              <a:gd name="connsiteY7" fmla="*/ 9620 h 9999"/>
              <a:gd name="connsiteX8" fmla="*/ 2489 w 10000"/>
              <a:gd name="connsiteY8" fmla="*/ 9944 h 9999"/>
              <a:gd name="connsiteX9" fmla="*/ 0 w 10000"/>
              <a:gd name="connsiteY9" fmla="*/ 9620 h 9999"/>
              <a:gd name="connsiteX10" fmla="*/ 0 w 10000"/>
              <a:gd name="connsiteY10" fmla="*/ 1226 h 9999"/>
              <a:gd name="connsiteX0" fmla="*/ 0 w 10000"/>
              <a:gd name="connsiteY0" fmla="*/ 1226 h 9846"/>
              <a:gd name="connsiteX1" fmla="*/ 2404 w 10000"/>
              <a:gd name="connsiteY1" fmla="*/ 7302 h 9846"/>
              <a:gd name="connsiteX2" fmla="*/ 5515 w 10000"/>
              <a:gd name="connsiteY2" fmla="*/ 2522 h 9846"/>
              <a:gd name="connsiteX3" fmla="*/ 7468 w 10000"/>
              <a:gd name="connsiteY3" fmla="*/ 176 h 9846"/>
              <a:gd name="connsiteX4" fmla="*/ 10000 w 10000"/>
              <a:gd name="connsiteY4" fmla="*/ 6512 h 9846"/>
              <a:gd name="connsiteX5" fmla="*/ 9914 w 10000"/>
              <a:gd name="connsiteY5" fmla="*/ 9310 h 9846"/>
              <a:gd name="connsiteX6" fmla="*/ 7490 w 10000"/>
              <a:gd name="connsiteY6" fmla="*/ 9453 h 9846"/>
              <a:gd name="connsiteX7" fmla="*/ 4979 w 10000"/>
              <a:gd name="connsiteY7" fmla="*/ 9621 h 9846"/>
              <a:gd name="connsiteX8" fmla="*/ 2575 w 10000"/>
              <a:gd name="connsiteY8" fmla="*/ 9479 h 9846"/>
              <a:gd name="connsiteX9" fmla="*/ 0 w 10000"/>
              <a:gd name="connsiteY9" fmla="*/ 9621 h 9846"/>
              <a:gd name="connsiteX10" fmla="*/ 0 w 10000"/>
              <a:gd name="connsiteY10" fmla="*/ 1226 h 9846"/>
              <a:gd name="connsiteX0" fmla="*/ 0 w 10000"/>
              <a:gd name="connsiteY0" fmla="*/ 1245 h 9840"/>
              <a:gd name="connsiteX1" fmla="*/ 2404 w 10000"/>
              <a:gd name="connsiteY1" fmla="*/ 7416 h 9840"/>
              <a:gd name="connsiteX2" fmla="*/ 5515 w 10000"/>
              <a:gd name="connsiteY2" fmla="*/ 2561 h 9840"/>
              <a:gd name="connsiteX3" fmla="*/ 7468 w 10000"/>
              <a:gd name="connsiteY3" fmla="*/ 179 h 9840"/>
              <a:gd name="connsiteX4" fmla="*/ 10000 w 10000"/>
              <a:gd name="connsiteY4" fmla="*/ 6614 h 9840"/>
              <a:gd name="connsiteX5" fmla="*/ 9914 w 10000"/>
              <a:gd name="connsiteY5" fmla="*/ 9456 h 9840"/>
              <a:gd name="connsiteX6" fmla="*/ 7490 w 10000"/>
              <a:gd name="connsiteY6" fmla="*/ 9601 h 9840"/>
              <a:gd name="connsiteX7" fmla="*/ 4979 w 10000"/>
              <a:gd name="connsiteY7" fmla="*/ 9771 h 9840"/>
              <a:gd name="connsiteX8" fmla="*/ 2575 w 10000"/>
              <a:gd name="connsiteY8" fmla="*/ 9627 h 9840"/>
              <a:gd name="connsiteX9" fmla="*/ 43 w 10000"/>
              <a:gd name="connsiteY9" fmla="*/ 9560 h 9840"/>
              <a:gd name="connsiteX10" fmla="*/ 0 w 10000"/>
              <a:gd name="connsiteY10" fmla="*/ 1245 h 984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914 w 10000"/>
              <a:gd name="connsiteY5" fmla="*/ 9610 h 10000"/>
              <a:gd name="connsiteX6" fmla="*/ 7490 w 10000"/>
              <a:gd name="connsiteY6" fmla="*/ 975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914 w 10000"/>
              <a:gd name="connsiteY5" fmla="*/ 9610 h 10000"/>
              <a:gd name="connsiteX6" fmla="*/ 7469 w 10000"/>
              <a:gd name="connsiteY6" fmla="*/ 959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871 w 10000"/>
              <a:gd name="connsiteY5" fmla="*/ 9557 h 10000"/>
              <a:gd name="connsiteX6" fmla="*/ 7469 w 10000"/>
              <a:gd name="connsiteY6" fmla="*/ 959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871 w 10000"/>
              <a:gd name="connsiteY5" fmla="*/ 9557 h 10000"/>
              <a:gd name="connsiteX6" fmla="*/ 7469 w 10000"/>
              <a:gd name="connsiteY6" fmla="*/ 959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8"/>
              <a:gd name="connsiteY0" fmla="*/ 1265 h 10000"/>
              <a:gd name="connsiteX1" fmla="*/ 2404 w 10008"/>
              <a:gd name="connsiteY1" fmla="*/ 7537 h 10000"/>
              <a:gd name="connsiteX2" fmla="*/ 5515 w 10008"/>
              <a:gd name="connsiteY2" fmla="*/ 2603 h 10000"/>
              <a:gd name="connsiteX3" fmla="*/ 7468 w 10008"/>
              <a:gd name="connsiteY3" fmla="*/ 182 h 10000"/>
              <a:gd name="connsiteX4" fmla="*/ 10000 w 10008"/>
              <a:gd name="connsiteY4" fmla="*/ 6722 h 10000"/>
              <a:gd name="connsiteX5" fmla="*/ 9871 w 10008"/>
              <a:gd name="connsiteY5" fmla="*/ 9557 h 10000"/>
              <a:gd name="connsiteX6" fmla="*/ 7469 w 10008"/>
              <a:gd name="connsiteY6" fmla="*/ 9597 h 10000"/>
              <a:gd name="connsiteX7" fmla="*/ 5022 w 10008"/>
              <a:gd name="connsiteY7" fmla="*/ 9716 h 10000"/>
              <a:gd name="connsiteX8" fmla="*/ 2575 w 10008"/>
              <a:gd name="connsiteY8" fmla="*/ 9784 h 10000"/>
              <a:gd name="connsiteX9" fmla="*/ 43 w 10008"/>
              <a:gd name="connsiteY9" fmla="*/ 9715 h 10000"/>
              <a:gd name="connsiteX10" fmla="*/ 0 w 10008"/>
              <a:gd name="connsiteY10" fmla="*/ 1265 h 10000"/>
              <a:gd name="connsiteX0" fmla="*/ 0 w 10008"/>
              <a:gd name="connsiteY0" fmla="*/ 1265 h 9794"/>
              <a:gd name="connsiteX1" fmla="*/ 2404 w 10008"/>
              <a:gd name="connsiteY1" fmla="*/ 7537 h 9794"/>
              <a:gd name="connsiteX2" fmla="*/ 5515 w 10008"/>
              <a:gd name="connsiteY2" fmla="*/ 2603 h 9794"/>
              <a:gd name="connsiteX3" fmla="*/ 7468 w 10008"/>
              <a:gd name="connsiteY3" fmla="*/ 182 h 9794"/>
              <a:gd name="connsiteX4" fmla="*/ 10000 w 10008"/>
              <a:gd name="connsiteY4" fmla="*/ 6722 h 9794"/>
              <a:gd name="connsiteX5" fmla="*/ 9871 w 10008"/>
              <a:gd name="connsiteY5" fmla="*/ 9557 h 9794"/>
              <a:gd name="connsiteX6" fmla="*/ 7469 w 10008"/>
              <a:gd name="connsiteY6" fmla="*/ 9597 h 9794"/>
              <a:gd name="connsiteX7" fmla="*/ 5022 w 10008"/>
              <a:gd name="connsiteY7" fmla="*/ 9716 h 9794"/>
              <a:gd name="connsiteX8" fmla="*/ 2575 w 10008"/>
              <a:gd name="connsiteY8" fmla="*/ 9784 h 9794"/>
              <a:gd name="connsiteX9" fmla="*/ 43 w 10008"/>
              <a:gd name="connsiteY9" fmla="*/ 9715 h 9794"/>
              <a:gd name="connsiteX10" fmla="*/ 0 w 10008"/>
              <a:gd name="connsiteY10" fmla="*/ 1265 h 9794"/>
              <a:gd name="connsiteX0" fmla="*/ 0 w 10000"/>
              <a:gd name="connsiteY0" fmla="*/ 1292 h 10000"/>
              <a:gd name="connsiteX1" fmla="*/ 2402 w 10000"/>
              <a:gd name="connsiteY1" fmla="*/ 7696 h 10000"/>
              <a:gd name="connsiteX2" fmla="*/ 5511 w 10000"/>
              <a:gd name="connsiteY2" fmla="*/ 2658 h 10000"/>
              <a:gd name="connsiteX3" fmla="*/ 7462 w 10000"/>
              <a:gd name="connsiteY3" fmla="*/ 186 h 10000"/>
              <a:gd name="connsiteX4" fmla="*/ 9992 w 10000"/>
              <a:gd name="connsiteY4" fmla="*/ 6863 h 10000"/>
              <a:gd name="connsiteX5" fmla="*/ 9863 w 10000"/>
              <a:gd name="connsiteY5" fmla="*/ 9758 h 10000"/>
              <a:gd name="connsiteX6" fmla="*/ 7463 w 10000"/>
              <a:gd name="connsiteY6" fmla="*/ 9799 h 10000"/>
              <a:gd name="connsiteX7" fmla="*/ 5018 w 10000"/>
              <a:gd name="connsiteY7" fmla="*/ 9920 h 10000"/>
              <a:gd name="connsiteX8" fmla="*/ 2573 w 10000"/>
              <a:gd name="connsiteY8" fmla="*/ 9990 h 10000"/>
              <a:gd name="connsiteX9" fmla="*/ 43 w 10000"/>
              <a:gd name="connsiteY9" fmla="*/ 9919 h 10000"/>
              <a:gd name="connsiteX10" fmla="*/ 0 w 10000"/>
              <a:gd name="connsiteY10" fmla="*/ 1292 h 10000"/>
              <a:gd name="connsiteX0" fmla="*/ 0 w 10000"/>
              <a:gd name="connsiteY0" fmla="*/ 1292 h 10000"/>
              <a:gd name="connsiteX1" fmla="*/ 675 w 10000"/>
              <a:gd name="connsiteY1" fmla="*/ 3923 h 10000"/>
              <a:gd name="connsiteX2" fmla="*/ 2402 w 10000"/>
              <a:gd name="connsiteY2" fmla="*/ 7696 h 10000"/>
              <a:gd name="connsiteX3" fmla="*/ 5511 w 10000"/>
              <a:gd name="connsiteY3" fmla="*/ 2658 h 10000"/>
              <a:gd name="connsiteX4" fmla="*/ 7462 w 10000"/>
              <a:gd name="connsiteY4" fmla="*/ 186 h 10000"/>
              <a:gd name="connsiteX5" fmla="*/ 9992 w 10000"/>
              <a:gd name="connsiteY5" fmla="*/ 6863 h 10000"/>
              <a:gd name="connsiteX6" fmla="*/ 9863 w 10000"/>
              <a:gd name="connsiteY6" fmla="*/ 9758 h 10000"/>
              <a:gd name="connsiteX7" fmla="*/ 7463 w 10000"/>
              <a:gd name="connsiteY7" fmla="*/ 9799 h 10000"/>
              <a:gd name="connsiteX8" fmla="*/ 5018 w 10000"/>
              <a:gd name="connsiteY8" fmla="*/ 9920 h 10000"/>
              <a:gd name="connsiteX9" fmla="*/ 2573 w 10000"/>
              <a:gd name="connsiteY9" fmla="*/ 9990 h 10000"/>
              <a:gd name="connsiteX10" fmla="*/ 43 w 10000"/>
              <a:gd name="connsiteY10" fmla="*/ 9919 h 10000"/>
              <a:gd name="connsiteX11" fmla="*/ 0 w 10000"/>
              <a:gd name="connsiteY11" fmla="*/ 1292 h 10000"/>
              <a:gd name="connsiteX0" fmla="*/ 0 w 10000"/>
              <a:gd name="connsiteY0" fmla="*/ 1292 h 10000"/>
              <a:gd name="connsiteX1" fmla="*/ 975 w 10000"/>
              <a:gd name="connsiteY1" fmla="*/ 1301 h 10000"/>
              <a:gd name="connsiteX2" fmla="*/ 2402 w 10000"/>
              <a:gd name="connsiteY2" fmla="*/ 7696 h 10000"/>
              <a:gd name="connsiteX3" fmla="*/ 5511 w 10000"/>
              <a:gd name="connsiteY3" fmla="*/ 2658 h 10000"/>
              <a:gd name="connsiteX4" fmla="*/ 7462 w 10000"/>
              <a:gd name="connsiteY4" fmla="*/ 186 h 10000"/>
              <a:gd name="connsiteX5" fmla="*/ 9992 w 10000"/>
              <a:gd name="connsiteY5" fmla="*/ 6863 h 10000"/>
              <a:gd name="connsiteX6" fmla="*/ 9863 w 10000"/>
              <a:gd name="connsiteY6" fmla="*/ 9758 h 10000"/>
              <a:gd name="connsiteX7" fmla="*/ 7463 w 10000"/>
              <a:gd name="connsiteY7" fmla="*/ 9799 h 10000"/>
              <a:gd name="connsiteX8" fmla="*/ 5018 w 10000"/>
              <a:gd name="connsiteY8" fmla="*/ 9920 h 10000"/>
              <a:gd name="connsiteX9" fmla="*/ 2573 w 10000"/>
              <a:gd name="connsiteY9" fmla="*/ 9990 h 10000"/>
              <a:gd name="connsiteX10" fmla="*/ 43 w 10000"/>
              <a:gd name="connsiteY10" fmla="*/ 9919 h 10000"/>
              <a:gd name="connsiteX11" fmla="*/ 0 w 10000"/>
              <a:gd name="connsiteY11" fmla="*/ 1292 h 10000"/>
              <a:gd name="connsiteX0" fmla="*/ 0 w 10000"/>
              <a:gd name="connsiteY0" fmla="*/ 1256 h 9964"/>
              <a:gd name="connsiteX1" fmla="*/ 975 w 10000"/>
              <a:gd name="connsiteY1" fmla="*/ 1265 h 9964"/>
              <a:gd name="connsiteX2" fmla="*/ 2531 w 10000"/>
              <a:gd name="connsiteY2" fmla="*/ 7660 h 9964"/>
              <a:gd name="connsiteX3" fmla="*/ 5511 w 10000"/>
              <a:gd name="connsiteY3" fmla="*/ 2622 h 9964"/>
              <a:gd name="connsiteX4" fmla="*/ 7462 w 10000"/>
              <a:gd name="connsiteY4" fmla="*/ 150 h 9964"/>
              <a:gd name="connsiteX5" fmla="*/ 9992 w 10000"/>
              <a:gd name="connsiteY5" fmla="*/ 6827 h 9964"/>
              <a:gd name="connsiteX6" fmla="*/ 9863 w 10000"/>
              <a:gd name="connsiteY6" fmla="*/ 9722 h 9964"/>
              <a:gd name="connsiteX7" fmla="*/ 7463 w 10000"/>
              <a:gd name="connsiteY7" fmla="*/ 9763 h 9964"/>
              <a:gd name="connsiteX8" fmla="*/ 5018 w 10000"/>
              <a:gd name="connsiteY8" fmla="*/ 9884 h 9964"/>
              <a:gd name="connsiteX9" fmla="*/ 2573 w 10000"/>
              <a:gd name="connsiteY9" fmla="*/ 9954 h 9964"/>
              <a:gd name="connsiteX10" fmla="*/ 43 w 10000"/>
              <a:gd name="connsiteY10" fmla="*/ 9883 h 9964"/>
              <a:gd name="connsiteX11" fmla="*/ 0 w 10000"/>
              <a:gd name="connsiteY11" fmla="*/ 1256 h 9964"/>
              <a:gd name="connsiteX0" fmla="*/ 0 w 10000"/>
              <a:gd name="connsiteY0" fmla="*/ 1261 h 10000"/>
              <a:gd name="connsiteX1" fmla="*/ 975 w 10000"/>
              <a:gd name="connsiteY1" fmla="*/ 1270 h 10000"/>
              <a:gd name="connsiteX2" fmla="*/ 2531 w 10000"/>
              <a:gd name="connsiteY2" fmla="*/ 7688 h 10000"/>
              <a:gd name="connsiteX3" fmla="*/ 5511 w 10000"/>
              <a:gd name="connsiteY3" fmla="*/ 2631 h 10000"/>
              <a:gd name="connsiteX4" fmla="*/ 7462 w 10000"/>
              <a:gd name="connsiteY4" fmla="*/ 151 h 10000"/>
              <a:gd name="connsiteX5" fmla="*/ 9992 w 10000"/>
              <a:gd name="connsiteY5" fmla="*/ 6852 h 10000"/>
              <a:gd name="connsiteX6" fmla="*/ 9863 w 10000"/>
              <a:gd name="connsiteY6" fmla="*/ 9757 h 10000"/>
              <a:gd name="connsiteX7" fmla="*/ 7463 w 10000"/>
              <a:gd name="connsiteY7" fmla="*/ 9798 h 10000"/>
              <a:gd name="connsiteX8" fmla="*/ 5018 w 10000"/>
              <a:gd name="connsiteY8" fmla="*/ 9920 h 10000"/>
              <a:gd name="connsiteX9" fmla="*/ 2573 w 10000"/>
              <a:gd name="connsiteY9" fmla="*/ 9990 h 10000"/>
              <a:gd name="connsiteX10" fmla="*/ 43 w 10000"/>
              <a:gd name="connsiteY10" fmla="*/ 9919 h 10000"/>
              <a:gd name="connsiteX11" fmla="*/ 0 w 10000"/>
              <a:gd name="connsiteY11" fmla="*/ 1261 h 10000"/>
              <a:gd name="connsiteX0" fmla="*/ 0 w 10000"/>
              <a:gd name="connsiteY0" fmla="*/ 1273 h 10012"/>
              <a:gd name="connsiteX1" fmla="*/ 975 w 10000"/>
              <a:gd name="connsiteY1" fmla="*/ 1282 h 10012"/>
              <a:gd name="connsiteX2" fmla="*/ 2531 w 10000"/>
              <a:gd name="connsiteY2" fmla="*/ 7700 h 10012"/>
              <a:gd name="connsiteX3" fmla="*/ 5511 w 10000"/>
              <a:gd name="connsiteY3" fmla="*/ 2643 h 10012"/>
              <a:gd name="connsiteX4" fmla="*/ 7462 w 10000"/>
              <a:gd name="connsiteY4" fmla="*/ 163 h 10012"/>
              <a:gd name="connsiteX5" fmla="*/ 9992 w 10000"/>
              <a:gd name="connsiteY5" fmla="*/ 6864 h 10012"/>
              <a:gd name="connsiteX6" fmla="*/ 9863 w 10000"/>
              <a:gd name="connsiteY6" fmla="*/ 9769 h 10012"/>
              <a:gd name="connsiteX7" fmla="*/ 7463 w 10000"/>
              <a:gd name="connsiteY7" fmla="*/ 9810 h 10012"/>
              <a:gd name="connsiteX8" fmla="*/ 5018 w 10000"/>
              <a:gd name="connsiteY8" fmla="*/ 9932 h 10012"/>
              <a:gd name="connsiteX9" fmla="*/ 2573 w 10000"/>
              <a:gd name="connsiteY9" fmla="*/ 10002 h 10012"/>
              <a:gd name="connsiteX10" fmla="*/ 43 w 10000"/>
              <a:gd name="connsiteY10" fmla="*/ 9931 h 10012"/>
              <a:gd name="connsiteX11" fmla="*/ 0 w 10000"/>
              <a:gd name="connsiteY11" fmla="*/ 1273 h 10012"/>
              <a:gd name="connsiteX0" fmla="*/ 0 w 9992"/>
              <a:gd name="connsiteY0" fmla="*/ 1273 h 10012"/>
              <a:gd name="connsiteX1" fmla="*/ 975 w 9992"/>
              <a:gd name="connsiteY1" fmla="*/ 1282 h 10012"/>
              <a:gd name="connsiteX2" fmla="*/ 2531 w 9992"/>
              <a:gd name="connsiteY2" fmla="*/ 7700 h 10012"/>
              <a:gd name="connsiteX3" fmla="*/ 5511 w 9992"/>
              <a:gd name="connsiteY3" fmla="*/ 2643 h 10012"/>
              <a:gd name="connsiteX4" fmla="*/ 7462 w 9992"/>
              <a:gd name="connsiteY4" fmla="*/ 163 h 10012"/>
              <a:gd name="connsiteX5" fmla="*/ 9992 w 9992"/>
              <a:gd name="connsiteY5" fmla="*/ 6864 h 10012"/>
              <a:gd name="connsiteX6" fmla="*/ 9863 w 9992"/>
              <a:gd name="connsiteY6" fmla="*/ 9769 h 10012"/>
              <a:gd name="connsiteX7" fmla="*/ 7463 w 9992"/>
              <a:gd name="connsiteY7" fmla="*/ 9810 h 10012"/>
              <a:gd name="connsiteX8" fmla="*/ 5018 w 9992"/>
              <a:gd name="connsiteY8" fmla="*/ 9932 h 10012"/>
              <a:gd name="connsiteX9" fmla="*/ 2573 w 9992"/>
              <a:gd name="connsiteY9" fmla="*/ 10002 h 10012"/>
              <a:gd name="connsiteX10" fmla="*/ 43 w 9992"/>
              <a:gd name="connsiteY10" fmla="*/ 9931 h 10012"/>
              <a:gd name="connsiteX11" fmla="*/ 0 w 9992"/>
              <a:gd name="connsiteY11" fmla="*/ 1273 h 10012"/>
              <a:gd name="connsiteX0" fmla="*/ 0 w 10002"/>
              <a:gd name="connsiteY0" fmla="*/ 1271 h 10000"/>
              <a:gd name="connsiteX1" fmla="*/ 976 w 10002"/>
              <a:gd name="connsiteY1" fmla="*/ 1280 h 10000"/>
              <a:gd name="connsiteX2" fmla="*/ 2533 w 10002"/>
              <a:gd name="connsiteY2" fmla="*/ 7691 h 10000"/>
              <a:gd name="connsiteX3" fmla="*/ 5515 w 10002"/>
              <a:gd name="connsiteY3" fmla="*/ 2640 h 10000"/>
              <a:gd name="connsiteX4" fmla="*/ 7468 w 10002"/>
              <a:gd name="connsiteY4" fmla="*/ 163 h 10000"/>
              <a:gd name="connsiteX5" fmla="*/ 10000 w 10002"/>
              <a:gd name="connsiteY5" fmla="*/ 6856 h 10000"/>
              <a:gd name="connsiteX6" fmla="*/ 9957 w 10002"/>
              <a:gd name="connsiteY6" fmla="*/ 9812 h 10000"/>
              <a:gd name="connsiteX7" fmla="*/ 7469 w 10002"/>
              <a:gd name="connsiteY7" fmla="*/ 9798 h 10000"/>
              <a:gd name="connsiteX8" fmla="*/ 5022 w 10002"/>
              <a:gd name="connsiteY8" fmla="*/ 9920 h 10000"/>
              <a:gd name="connsiteX9" fmla="*/ 2575 w 10002"/>
              <a:gd name="connsiteY9" fmla="*/ 9990 h 10000"/>
              <a:gd name="connsiteX10" fmla="*/ 43 w 10002"/>
              <a:gd name="connsiteY10" fmla="*/ 9919 h 10000"/>
              <a:gd name="connsiteX11" fmla="*/ 0 w 10002"/>
              <a:gd name="connsiteY11" fmla="*/ 1271 h 10000"/>
              <a:gd name="connsiteX0" fmla="*/ 2 w 9964"/>
              <a:gd name="connsiteY0" fmla="*/ 6965 h 10000"/>
              <a:gd name="connsiteX1" fmla="*/ 938 w 9964"/>
              <a:gd name="connsiteY1" fmla="*/ 1280 h 10000"/>
              <a:gd name="connsiteX2" fmla="*/ 2495 w 9964"/>
              <a:gd name="connsiteY2" fmla="*/ 7691 h 10000"/>
              <a:gd name="connsiteX3" fmla="*/ 5477 w 9964"/>
              <a:gd name="connsiteY3" fmla="*/ 2640 h 10000"/>
              <a:gd name="connsiteX4" fmla="*/ 7430 w 9964"/>
              <a:gd name="connsiteY4" fmla="*/ 163 h 10000"/>
              <a:gd name="connsiteX5" fmla="*/ 9962 w 9964"/>
              <a:gd name="connsiteY5" fmla="*/ 6856 h 10000"/>
              <a:gd name="connsiteX6" fmla="*/ 9919 w 9964"/>
              <a:gd name="connsiteY6" fmla="*/ 9812 h 10000"/>
              <a:gd name="connsiteX7" fmla="*/ 7431 w 9964"/>
              <a:gd name="connsiteY7" fmla="*/ 9798 h 10000"/>
              <a:gd name="connsiteX8" fmla="*/ 4984 w 9964"/>
              <a:gd name="connsiteY8" fmla="*/ 9920 h 10000"/>
              <a:gd name="connsiteX9" fmla="*/ 2537 w 9964"/>
              <a:gd name="connsiteY9" fmla="*/ 9990 h 10000"/>
              <a:gd name="connsiteX10" fmla="*/ 5 w 9964"/>
              <a:gd name="connsiteY10" fmla="*/ 9919 h 10000"/>
              <a:gd name="connsiteX11" fmla="*/ 2 w 9964"/>
              <a:gd name="connsiteY11" fmla="*/ 6965 h 10000"/>
              <a:gd name="connsiteX0" fmla="*/ 0 w 10018"/>
              <a:gd name="connsiteY0" fmla="*/ 7731 h 10000"/>
              <a:gd name="connsiteX1" fmla="*/ 959 w 10018"/>
              <a:gd name="connsiteY1" fmla="*/ 1280 h 10000"/>
              <a:gd name="connsiteX2" fmla="*/ 2522 w 10018"/>
              <a:gd name="connsiteY2" fmla="*/ 7691 h 10000"/>
              <a:gd name="connsiteX3" fmla="*/ 5515 w 10018"/>
              <a:gd name="connsiteY3" fmla="*/ 2640 h 10000"/>
              <a:gd name="connsiteX4" fmla="*/ 7475 w 10018"/>
              <a:gd name="connsiteY4" fmla="*/ 163 h 10000"/>
              <a:gd name="connsiteX5" fmla="*/ 10016 w 10018"/>
              <a:gd name="connsiteY5" fmla="*/ 6856 h 10000"/>
              <a:gd name="connsiteX6" fmla="*/ 9973 w 10018"/>
              <a:gd name="connsiteY6" fmla="*/ 9812 h 10000"/>
              <a:gd name="connsiteX7" fmla="*/ 7476 w 10018"/>
              <a:gd name="connsiteY7" fmla="*/ 9798 h 10000"/>
              <a:gd name="connsiteX8" fmla="*/ 5020 w 10018"/>
              <a:gd name="connsiteY8" fmla="*/ 9920 h 10000"/>
              <a:gd name="connsiteX9" fmla="*/ 2564 w 10018"/>
              <a:gd name="connsiteY9" fmla="*/ 9990 h 10000"/>
              <a:gd name="connsiteX10" fmla="*/ 23 w 10018"/>
              <a:gd name="connsiteY10" fmla="*/ 9919 h 10000"/>
              <a:gd name="connsiteX11" fmla="*/ 0 w 10018"/>
              <a:gd name="connsiteY11" fmla="*/ 7731 h 10000"/>
              <a:gd name="connsiteX0" fmla="*/ 0 w 10018"/>
              <a:gd name="connsiteY0" fmla="*/ 7731 h 10000"/>
              <a:gd name="connsiteX1" fmla="*/ 959 w 10018"/>
              <a:gd name="connsiteY1" fmla="*/ 1280 h 10000"/>
              <a:gd name="connsiteX2" fmla="*/ 2522 w 10018"/>
              <a:gd name="connsiteY2" fmla="*/ 7691 h 10000"/>
              <a:gd name="connsiteX3" fmla="*/ 5515 w 10018"/>
              <a:gd name="connsiteY3" fmla="*/ 2640 h 10000"/>
              <a:gd name="connsiteX4" fmla="*/ 7475 w 10018"/>
              <a:gd name="connsiteY4" fmla="*/ 163 h 10000"/>
              <a:gd name="connsiteX5" fmla="*/ 10016 w 10018"/>
              <a:gd name="connsiteY5" fmla="*/ 6856 h 10000"/>
              <a:gd name="connsiteX6" fmla="*/ 9973 w 10018"/>
              <a:gd name="connsiteY6" fmla="*/ 9812 h 10000"/>
              <a:gd name="connsiteX7" fmla="*/ 7476 w 10018"/>
              <a:gd name="connsiteY7" fmla="*/ 9798 h 10000"/>
              <a:gd name="connsiteX8" fmla="*/ 5020 w 10018"/>
              <a:gd name="connsiteY8" fmla="*/ 9920 h 10000"/>
              <a:gd name="connsiteX9" fmla="*/ 2564 w 10018"/>
              <a:gd name="connsiteY9" fmla="*/ 9990 h 10000"/>
              <a:gd name="connsiteX10" fmla="*/ 23 w 10018"/>
              <a:gd name="connsiteY10" fmla="*/ 9919 h 10000"/>
              <a:gd name="connsiteX11" fmla="*/ 0 w 10018"/>
              <a:gd name="connsiteY11" fmla="*/ 7731 h 10000"/>
              <a:gd name="connsiteX0" fmla="*/ 0 w 10018"/>
              <a:gd name="connsiteY0" fmla="*/ 8224 h 10000"/>
              <a:gd name="connsiteX1" fmla="*/ 959 w 10018"/>
              <a:gd name="connsiteY1" fmla="*/ 1280 h 10000"/>
              <a:gd name="connsiteX2" fmla="*/ 2522 w 10018"/>
              <a:gd name="connsiteY2" fmla="*/ 7691 h 10000"/>
              <a:gd name="connsiteX3" fmla="*/ 5515 w 10018"/>
              <a:gd name="connsiteY3" fmla="*/ 2640 h 10000"/>
              <a:gd name="connsiteX4" fmla="*/ 7475 w 10018"/>
              <a:gd name="connsiteY4" fmla="*/ 163 h 10000"/>
              <a:gd name="connsiteX5" fmla="*/ 10016 w 10018"/>
              <a:gd name="connsiteY5" fmla="*/ 6856 h 10000"/>
              <a:gd name="connsiteX6" fmla="*/ 9973 w 10018"/>
              <a:gd name="connsiteY6" fmla="*/ 9812 h 10000"/>
              <a:gd name="connsiteX7" fmla="*/ 7476 w 10018"/>
              <a:gd name="connsiteY7" fmla="*/ 9798 h 10000"/>
              <a:gd name="connsiteX8" fmla="*/ 5020 w 10018"/>
              <a:gd name="connsiteY8" fmla="*/ 9920 h 10000"/>
              <a:gd name="connsiteX9" fmla="*/ 2564 w 10018"/>
              <a:gd name="connsiteY9" fmla="*/ 9990 h 10000"/>
              <a:gd name="connsiteX10" fmla="*/ 23 w 10018"/>
              <a:gd name="connsiteY10" fmla="*/ 9919 h 10000"/>
              <a:gd name="connsiteX11" fmla="*/ 0 w 10018"/>
              <a:gd name="connsiteY11" fmla="*/ 8224 h 10000"/>
              <a:gd name="connsiteX0" fmla="*/ 0 w 10018"/>
              <a:gd name="connsiteY0" fmla="*/ 8204 h 9980"/>
              <a:gd name="connsiteX1" fmla="*/ 959 w 10018"/>
              <a:gd name="connsiteY1" fmla="*/ 1260 h 9980"/>
              <a:gd name="connsiteX2" fmla="*/ 3172 w 10018"/>
              <a:gd name="connsiteY2" fmla="*/ 6740 h 9980"/>
              <a:gd name="connsiteX3" fmla="*/ 5515 w 10018"/>
              <a:gd name="connsiteY3" fmla="*/ 2620 h 9980"/>
              <a:gd name="connsiteX4" fmla="*/ 7475 w 10018"/>
              <a:gd name="connsiteY4" fmla="*/ 143 h 9980"/>
              <a:gd name="connsiteX5" fmla="*/ 10016 w 10018"/>
              <a:gd name="connsiteY5" fmla="*/ 6836 h 9980"/>
              <a:gd name="connsiteX6" fmla="*/ 9973 w 10018"/>
              <a:gd name="connsiteY6" fmla="*/ 9792 h 9980"/>
              <a:gd name="connsiteX7" fmla="*/ 7476 w 10018"/>
              <a:gd name="connsiteY7" fmla="*/ 9778 h 9980"/>
              <a:gd name="connsiteX8" fmla="*/ 5020 w 10018"/>
              <a:gd name="connsiteY8" fmla="*/ 9900 h 9980"/>
              <a:gd name="connsiteX9" fmla="*/ 2564 w 10018"/>
              <a:gd name="connsiteY9" fmla="*/ 9970 h 9980"/>
              <a:gd name="connsiteX10" fmla="*/ 23 w 10018"/>
              <a:gd name="connsiteY10" fmla="*/ 9899 h 9980"/>
              <a:gd name="connsiteX11" fmla="*/ 0 w 10018"/>
              <a:gd name="connsiteY11" fmla="*/ 8204 h 998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2525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3348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39 w 10039"/>
              <a:gd name="connsiteY0" fmla="*/ 8220 h 10035"/>
              <a:gd name="connsiteX1" fmla="*/ 996 w 10039"/>
              <a:gd name="connsiteY1" fmla="*/ 3348 h 10035"/>
              <a:gd name="connsiteX2" fmla="*/ 3205 w 10039"/>
              <a:gd name="connsiteY2" fmla="*/ 6754 h 10035"/>
              <a:gd name="connsiteX3" fmla="*/ 5544 w 10039"/>
              <a:gd name="connsiteY3" fmla="*/ 2625 h 10035"/>
              <a:gd name="connsiteX4" fmla="*/ 7501 w 10039"/>
              <a:gd name="connsiteY4" fmla="*/ 143 h 10035"/>
              <a:gd name="connsiteX5" fmla="*/ 10037 w 10039"/>
              <a:gd name="connsiteY5" fmla="*/ 6850 h 10035"/>
              <a:gd name="connsiteX6" fmla="*/ 9994 w 10039"/>
              <a:gd name="connsiteY6" fmla="*/ 9812 h 10035"/>
              <a:gd name="connsiteX7" fmla="*/ 7502 w 10039"/>
              <a:gd name="connsiteY7" fmla="*/ 9798 h 10035"/>
              <a:gd name="connsiteX8" fmla="*/ 5050 w 10039"/>
              <a:gd name="connsiteY8" fmla="*/ 9920 h 10035"/>
              <a:gd name="connsiteX9" fmla="*/ 2598 w 10039"/>
              <a:gd name="connsiteY9" fmla="*/ 9990 h 10035"/>
              <a:gd name="connsiteX10" fmla="*/ 1 w 10039"/>
              <a:gd name="connsiteY10" fmla="*/ 9978 h 10035"/>
              <a:gd name="connsiteX11" fmla="*/ 39 w 10039"/>
              <a:gd name="connsiteY11" fmla="*/ 8220 h 10035"/>
              <a:gd name="connsiteX0" fmla="*/ 39 w 10039"/>
              <a:gd name="connsiteY0" fmla="*/ 8220 h 10035"/>
              <a:gd name="connsiteX1" fmla="*/ 996 w 10039"/>
              <a:gd name="connsiteY1" fmla="*/ 3348 h 10035"/>
              <a:gd name="connsiteX2" fmla="*/ 3205 w 10039"/>
              <a:gd name="connsiteY2" fmla="*/ 6754 h 10035"/>
              <a:gd name="connsiteX3" fmla="*/ 5544 w 10039"/>
              <a:gd name="connsiteY3" fmla="*/ 2625 h 10035"/>
              <a:gd name="connsiteX4" fmla="*/ 7984 w 10039"/>
              <a:gd name="connsiteY4" fmla="*/ 143 h 10035"/>
              <a:gd name="connsiteX5" fmla="*/ 10037 w 10039"/>
              <a:gd name="connsiteY5" fmla="*/ 6850 h 10035"/>
              <a:gd name="connsiteX6" fmla="*/ 9994 w 10039"/>
              <a:gd name="connsiteY6" fmla="*/ 9812 h 10035"/>
              <a:gd name="connsiteX7" fmla="*/ 7502 w 10039"/>
              <a:gd name="connsiteY7" fmla="*/ 9798 h 10035"/>
              <a:gd name="connsiteX8" fmla="*/ 5050 w 10039"/>
              <a:gd name="connsiteY8" fmla="*/ 9920 h 10035"/>
              <a:gd name="connsiteX9" fmla="*/ 2598 w 10039"/>
              <a:gd name="connsiteY9" fmla="*/ 9990 h 10035"/>
              <a:gd name="connsiteX10" fmla="*/ 1 w 10039"/>
              <a:gd name="connsiteY10" fmla="*/ 9978 h 10035"/>
              <a:gd name="connsiteX11" fmla="*/ 39 w 10039"/>
              <a:gd name="connsiteY11" fmla="*/ 8220 h 10035"/>
              <a:gd name="connsiteX0" fmla="*/ 39 w 10039"/>
              <a:gd name="connsiteY0" fmla="*/ 8078 h 9893"/>
              <a:gd name="connsiteX1" fmla="*/ 996 w 10039"/>
              <a:gd name="connsiteY1" fmla="*/ 3206 h 9893"/>
              <a:gd name="connsiteX2" fmla="*/ 3205 w 10039"/>
              <a:gd name="connsiteY2" fmla="*/ 6612 h 9893"/>
              <a:gd name="connsiteX3" fmla="*/ 5544 w 10039"/>
              <a:gd name="connsiteY3" fmla="*/ 2483 h 9893"/>
              <a:gd name="connsiteX4" fmla="*/ 7984 w 10039"/>
              <a:gd name="connsiteY4" fmla="*/ 1 h 9893"/>
              <a:gd name="connsiteX5" fmla="*/ 10037 w 10039"/>
              <a:gd name="connsiteY5" fmla="*/ 6708 h 9893"/>
              <a:gd name="connsiteX6" fmla="*/ 9994 w 10039"/>
              <a:gd name="connsiteY6" fmla="*/ 9670 h 9893"/>
              <a:gd name="connsiteX7" fmla="*/ 7502 w 10039"/>
              <a:gd name="connsiteY7" fmla="*/ 9656 h 9893"/>
              <a:gd name="connsiteX8" fmla="*/ 5050 w 10039"/>
              <a:gd name="connsiteY8" fmla="*/ 9778 h 9893"/>
              <a:gd name="connsiteX9" fmla="*/ 2598 w 10039"/>
              <a:gd name="connsiteY9" fmla="*/ 9848 h 9893"/>
              <a:gd name="connsiteX10" fmla="*/ 1 w 10039"/>
              <a:gd name="connsiteY10" fmla="*/ 9836 h 9893"/>
              <a:gd name="connsiteX11" fmla="*/ 39 w 10039"/>
              <a:gd name="connsiteY11" fmla="*/ 8078 h 9893"/>
              <a:gd name="connsiteX0" fmla="*/ 39 w 10000"/>
              <a:gd name="connsiteY0" fmla="*/ 8165 h 10000"/>
              <a:gd name="connsiteX1" fmla="*/ 992 w 10000"/>
              <a:gd name="connsiteY1" fmla="*/ 3241 h 10000"/>
              <a:gd name="connsiteX2" fmla="*/ 3193 w 10000"/>
              <a:gd name="connsiteY2" fmla="*/ 6684 h 10000"/>
              <a:gd name="connsiteX3" fmla="*/ 5522 w 10000"/>
              <a:gd name="connsiteY3" fmla="*/ 2510 h 10000"/>
              <a:gd name="connsiteX4" fmla="*/ 7953 w 10000"/>
              <a:gd name="connsiteY4" fmla="*/ 1 h 10000"/>
              <a:gd name="connsiteX5" fmla="*/ 9998 w 10000"/>
              <a:gd name="connsiteY5" fmla="*/ 6781 h 10000"/>
              <a:gd name="connsiteX6" fmla="*/ 9955 w 10000"/>
              <a:gd name="connsiteY6" fmla="*/ 9775 h 10000"/>
              <a:gd name="connsiteX7" fmla="*/ 7473 w 10000"/>
              <a:gd name="connsiteY7" fmla="*/ 9760 h 10000"/>
              <a:gd name="connsiteX8" fmla="*/ 5030 w 10000"/>
              <a:gd name="connsiteY8" fmla="*/ 9884 h 10000"/>
              <a:gd name="connsiteX9" fmla="*/ 2588 w 10000"/>
              <a:gd name="connsiteY9" fmla="*/ 9955 h 10000"/>
              <a:gd name="connsiteX10" fmla="*/ 1 w 10000"/>
              <a:gd name="connsiteY10" fmla="*/ 9942 h 10000"/>
              <a:gd name="connsiteX11" fmla="*/ 39 w 10000"/>
              <a:gd name="connsiteY11" fmla="*/ 8165 h 10000"/>
              <a:gd name="connsiteX0" fmla="*/ 39 w 10000"/>
              <a:gd name="connsiteY0" fmla="*/ 8165 h 10075"/>
              <a:gd name="connsiteX1" fmla="*/ 992 w 10000"/>
              <a:gd name="connsiteY1" fmla="*/ 3241 h 10075"/>
              <a:gd name="connsiteX2" fmla="*/ 3193 w 10000"/>
              <a:gd name="connsiteY2" fmla="*/ 6684 h 10075"/>
              <a:gd name="connsiteX3" fmla="*/ 5522 w 10000"/>
              <a:gd name="connsiteY3" fmla="*/ 2510 h 10075"/>
              <a:gd name="connsiteX4" fmla="*/ 7953 w 10000"/>
              <a:gd name="connsiteY4" fmla="*/ 1 h 10075"/>
              <a:gd name="connsiteX5" fmla="*/ 9998 w 10000"/>
              <a:gd name="connsiteY5" fmla="*/ 6781 h 10075"/>
              <a:gd name="connsiteX6" fmla="*/ 9955 w 10000"/>
              <a:gd name="connsiteY6" fmla="*/ 10075 h 10075"/>
              <a:gd name="connsiteX7" fmla="*/ 7473 w 10000"/>
              <a:gd name="connsiteY7" fmla="*/ 9760 h 10075"/>
              <a:gd name="connsiteX8" fmla="*/ 5030 w 10000"/>
              <a:gd name="connsiteY8" fmla="*/ 9884 h 10075"/>
              <a:gd name="connsiteX9" fmla="*/ 2588 w 10000"/>
              <a:gd name="connsiteY9" fmla="*/ 9955 h 10075"/>
              <a:gd name="connsiteX10" fmla="*/ 1 w 10000"/>
              <a:gd name="connsiteY10" fmla="*/ 9942 h 10075"/>
              <a:gd name="connsiteX11" fmla="*/ 39 w 10000"/>
              <a:gd name="connsiteY11" fmla="*/ 8165 h 100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0000" h="10075">
                <a:moveTo>
                  <a:pt x="39" y="8165"/>
                </a:moveTo>
                <a:cubicBezTo>
                  <a:pt x="143" y="7152"/>
                  <a:pt x="351" y="3266"/>
                  <a:pt x="992" y="3241"/>
                </a:cubicBezTo>
                <a:cubicBezTo>
                  <a:pt x="1716" y="3326"/>
                  <a:pt x="2437" y="6806"/>
                  <a:pt x="3193" y="6684"/>
                </a:cubicBezTo>
                <a:cubicBezTo>
                  <a:pt x="3948" y="6561"/>
                  <a:pt x="4751" y="3984"/>
                  <a:pt x="5522" y="2510"/>
                </a:cubicBezTo>
                <a:cubicBezTo>
                  <a:pt x="6293" y="1036"/>
                  <a:pt x="7059" y="9"/>
                  <a:pt x="7953" y="1"/>
                </a:cubicBezTo>
                <a:cubicBezTo>
                  <a:pt x="8846" y="-7"/>
                  <a:pt x="9998" y="6160"/>
                  <a:pt x="9998" y="6781"/>
                </a:cubicBezTo>
                <a:cubicBezTo>
                  <a:pt x="9984" y="7889"/>
                  <a:pt x="10033" y="9741"/>
                  <a:pt x="9955" y="10075"/>
                </a:cubicBezTo>
                <a:cubicBezTo>
                  <a:pt x="10062" y="9732"/>
                  <a:pt x="8294" y="9792"/>
                  <a:pt x="7473" y="9760"/>
                </a:cubicBezTo>
                <a:cubicBezTo>
                  <a:pt x="6652" y="9728"/>
                  <a:pt x="5845" y="9852"/>
                  <a:pt x="5030" y="9884"/>
                </a:cubicBezTo>
                <a:cubicBezTo>
                  <a:pt x="4216" y="9916"/>
                  <a:pt x="3961" y="9955"/>
                  <a:pt x="2588" y="9955"/>
                </a:cubicBezTo>
                <a:cubicBezTo>
                  <a:pt x="1216" y="9955"/>
                  <a:pt x="22" y="10065"/>
                  <a:pt x="1" y="9942"/>
                </a:cubicBezTo>
                <a:cubicBezTo>
                  <a:pt x="-13" y="6912"/>
                  <a:pt x="53" y="10310"/>
                  <a:pt x="39" y="8165"/>
                </a:cubicBezTo>
                <a:close/>
              </a:path>
            </a:pathLst>
          </a:custGeom>
          <a:solidFill>
            <a:schemeClr val="accent1">
              <a:lumMod val="20000"/>
              <a:lumOff val="80000"/>
              <a:alpha val="31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93362" y="0"/>
            <a:ext cx="8709248" cy="1143000"/>
          </a:xfrm>
        </p:spPr>
        <p:txBody>
          <a:bodyPr>
            <a:normAutofit fontScale="90000"/>
          </a:bodyPr>
          <a:lstStyle/>
          <a:p>
            <a:r>
              <a:rPr lang="en-SG" dirty="0" smtClean="0"/>
              <a:t>Optimal Timeline for Program Evaluation</a:t>
            </a:r>
            <a:endParaRPr lang="en-SG" dirty="0"/>
          </a:p>
        </p:txBody>
      </p:sp>
      <p:grpSp>
        <p:nvGrpSpPr>
          <p:cNvPr id="3" name="Group 2"/>
          <p:cNvGrpSpPr/>
          <p:nvPr/>
        </p:nvGrpSpPr>
        <p:grpSpPr>
          <a:xfrm>
            <a:off x="-12049" y="4177589"/>
            <a:ext cx="9014659" cy="2188391"/>
            <a:chOff x="-86683" y="2960949"/>
            <a:chExt cx="9014659" cy="2188391"/>
          </a:xfrm>
        </p:grpSpPr>
        <p:sp>
          <p:nvSpPr>
            <p:cNvPr id="4" name="Rounded Rectangle 3"/>
            <p:cNvSpPr/>
            <p:nvPr/>
          </p:nvSpPr>
          <p:spPr>
            <a:xfrm>
              <a:off x="628328" y="2960949"/>
              <a:ext cx="7109398" cy="328586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grpSp>
          <p:nvGrpSpPr>
            <p:cNvPr id="16" name="Group 15"/>
            <p:cNvGrpSpPr/>
            <p:nvPr/>
          </p:nvGrpSpPr>
          <p:grpSpPr>
            <a:xfrm>
              <a:off x="628328" y="3102669"/>
              <a:ext cx="152400" cy="964113"/>
              <a:chOff x="5857900" y="4794250"/>
              <a:chExt cx="152400" cy="714419"/>
            </a:xfrm>
          </p:grpSpPr>
          <p:cxnSp>
            <p:nvCxnSpPr>
              <p:cNvPr id="8" name="Straight Connector 7"/>
              <p:cNvCxnSpPr/>
              <p:nvPr>
                <p:custDataLst>
                  <p:tags r:id="rId11"/>
                </p:custDataLst>
              </p:nvPr>
            </p:nvCxnSpPr>
            <p:spPr>
              <a:xfrm>
                <a:off x="5934100" y="4972050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" name="Teardrop 8"/>
              <p:cNvSpPr/>
              <p:nvPr>
                <p:custDataLst>
                  <p:tags r:id="rId12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17" name="TextBox 16"/>
            <p:cNvSpPr txBox="1"/>
            <p:nvPr/>
          </p:nvSpPr>
          <p:spPr>
            <a:xfrm>
              <a:off x="-86683" y="3983306"/>
              <a:ext cx="234662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Conception of New Program</a:t>
              </a:r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2781908" y="4137217"/>
              <a:ext cx="1872208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Implementation of Program</a:t>
              </a:r>
              <a:endParaRPr lang="en-SG" dirty="0"/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6804248" y="4133677"/>
              <a:ext cx="2123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SG" dirty="0" smtClean="0"/>
                <a:t>Evaluate Outcome</a:t>
              </a:r>
              <a:endParaRPr lang="en-SG" dirty="0"/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6651848" y="3141318"/>
              <a:ext cx="152400" cy="1638688"/>
              <a:chOff x="5857900" y="4794250"/>
              <a:chExt cx="152400" cy="1214287"/>
            </a:xfrm>
          </p:grpSpPr>
          <p:cxnSp>
            <p:nvCxnSpPr>
              <p:cNvPr id="25" name="Straight Connector 24"/>
              <p:cNvCxnSpPr/>
              <p:nvPr>
                <p:custDataLst>
                  <p:tags r:id="rId9"/>
                </p:custDataLst>
              </p:nvPr>
            </p:nvCxnSpPr>
            <p:spPr>
              <a:xfrm>
                <a:off x="5934100" y="4972050"/>
                <a:ext cx="0" cy="1036487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" name="Teardrop 25"/>
              <p:cNvSpPr/>
              <p:nvPr>
                <p:custDataLst>
                  <p:tags r:id="rId10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27" name="Group 26"/>
            <p:cNvGrpSpPr/>
            <p:nvPr/>
          </p:nvGrpSpPr>
          <p:grpSpPr>
            <a:xfrm>
              <a:off x="7517510" y="3147425"/>
              <a:ext cx="152400" cy="964113"/>
              <a:chOff x="5517906" y="4827415"/>
              <a:chExt cx="152400" cy="714419"/>
            </a:xfrm>
          </p:grpSpPr>
          <p:cxnSp>
            <p:nvCxnSpPr>
              <p:cNvPr id="28" name="Straight Connector 27"/>
              <p:cNvCxnSpPr/>
              <p:nvPr>
                <p:custDataLst>
                  <p:tags r:id="rId7"/>
                </p:custDataLst>
              </p:nvPr>
            </p:nvCxnSpPr>
            <p:spPr>
              <a:xfrm>
                <a:off x="5594106" y="5005215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9" name="Teardrop 28"/>
              <p:cNvSpPr/>
              <p:nvPr>
                <p:custDataLst>
                  <p:tags r:id="rId8"/>
                </p:custDataLst>
              </p:nvPr>
            </p:nvSpPr>
            <p:spPr>
              <a:xfrm>
                <a:off x="5517906" y="4827415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31" name="TextBox 30"/>
            <p:cNvSpPr txBox="1"/>
            <p:nvPr/>
          </p:nvSpPr>
          <p:spPr>
            <a:xfrm>
              <a:off x="5280748" y="4780008"/>
              <a:ext cx="2585364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Post-test Data Collection</a:t>
              </a:r>
              <a:endParaRPr lang="en-SG" dirty="0"/>
            </a:p>
          </p:txBody>
        </p:sp>
      </p:grpSp>
      <p:sp>
        <p:nvSpPr>
          <p:cNvPr id="57" name="Rectangle 56"/>
          <p:cNvSpPr/>
          <p:nvPr/>
        </p:nvSpPr>
        <p:spPr>
          <a:xfrm>
            <a:off x="1335472" y="4191944"/>
            <a:ext cx="2380973" cy="309073"/>
          </a:xfrm>
          <a:prstGeom prst="rect">
            <a:avLst/>
          </a:prstGeom>
          <a:solidFill>
            <a:srgbClr val="FFFF00"/>
          </a:solidFill>
          <a:ln/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grpSp>
        <p:nvGrpSpPr>
          <p:cNvPr id="21" name="Group 20"/>
          <p:cNvGrpSpPr/>
          <p:nvPr/>
        </p:nvGrpSpPr>
        <p:grpSpPr>
          <a:xfrm>
            <a:off x="72691" y="2212382"/>
            <a:ext cx="3173602" cy="2056998"/>
            <a:chOff x="72691" y="2212382"/>
            <a:chExt cx="3173602" cy="2056998"/>
          </a:xfrm>
        </p:grpSpPr>
        <p:sp>
          <p:nvSpPr>
            <p:cNvPr id="47" name="TextBox 46"/>
            <p:cNvSpPr txBox="1"/>
            <p:nvPr/>
          </p:nvSpPr>
          <p:spPr>
            <a:xfrm>
              <a:off x="72691" y="2212382"/>
              <a:ext cx="3173602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SG" dirty="0" smtClean="0"/>
            </a:p>
            <a:p>
              <a:pPr algn="ctr"/>
              <a:r>
                <a:rPr lang="en-SG" dirty="0" smtClean="0"/>
                <a:t>Develop evaluation strategy</a:t>
              </a:r>
              <a:endParaRPr lang="en-SG" dirty="0"/>
            </a:p>
          </p:txBody>
        </p:sp>
        <p:grpSp>
          <p:nvGrpSpPr>
            <p:cNvPr id="11" name="Group 10"/>
            <p:cNvGrpSpPr/>
            <p:nvPr/>
          </p:nvGrpSpPr>
          <p:grpSpPr>
            <a:xfrm>
              <a:off x="1659492" y="2771294"/>
              <a:ext cx="189384" cy="1498086"/>
              <a:chOff x="1264274" y="2828877"/>
              <a:chExt cx="189384" cy="1498086"/>
            </a:xfrm>
          </p:grpSpPr>
          <p:cxnSp>
            <p:nvCxnSpPr>
              <p:cNvPr id="43" name="Straight Connector 42"/>
              <p:cNvCxnSpPr/>
              <p:nvPr>
                <p:custDataLst>
                  <p:tags r:id="rId5"/>
                </p:custDataLst>
              </p:nvPr>
            </p:nvCxnSpPr>
            <p:spPr>
              <a:xfrm flipH="1" flipV="1">
                <a:off x="1358965" y="2828877"/>
                <a:ext cx="1" cy="1318875"/>
              </a:xfrm>
              <a:prstGeom prst="line">
                <a:avLst/>
              </a:prstGeom>
              <a:solidFill>
                <a:schemeClr val="accent5">
                  <a:lumMod val="75000"/>
                </a:schemeClr>
              </a:solidFill>
              <a:ln w="12700" cap="flat" cmpd="sng" algn="ctr">
                <a:solidFill>
                  <a:schemeClr val="accent3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3" name="Teardrop 52"/>
              <p:cNvSpPr/>
              <p:nvPr>
                <p:custDataLst>
                  <p:tags r:id="rId6"/>
                </p:custDataLst>
              </p:nvPr>
            </p:nvSpPr>
            <p:spPr>
              <a:xfrm flipV="1">
                <a:off x="1264274" y="4112736"/>
                <a:ext cx="189384" cy="214227"/>
              </a:xfrm>
              <a:prstGeom prst="teardrop">
                <a:avLst/>
              </a:prstGeom>
              <a:solidFill>
                <a:schemeClr val="accent3"/>
              </a:solidFill>
              <a:ln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grpSp>
        <p:nvGrpSpPr>
          <p:cNvPr id="58" name="Group 57"/>
          <p:cNvGrpSpPr/>
          <p:nvPr/>
        </p:nvGrpSpPr>
        <p:grpSpPr>
          <a:xfrm>
            <a:off x="3640246" y="4386204"/>
            <a:ext cx="152400" cy="964113"/>
            <a:chOff x="5857900" y="4794250"/>
            <a:chExt cx="152400" cy="714419"/>
          </a:xfrm>
        </p:grpSpPr>
        <p:cxnSp>
          <p:nvCxnSpPr>
            <p:cNvPr id="59" name="Straight Connector 58"/>
            <p:cNvCxnSpPr/>
            <p:nvPr>
              <p:custDataLst>
                <p:tags r:id="rId3"/>
              </p:custDataLst>
            </p:nvPr>
          </p:nvCxnSpPr>
          <p:spPr>
            <a:xfrm>
              <a:off x="5934100" y="4972050"/>
              <a:ext cx="0" cy="536619"/>
            </a:xfrm>
            <a:prstGeom prst="line">
              <a:avLst/>
            </a:prstGeom>
            <a:ln w="12700" cap="flat" cmpd="sng" algn="ctr">
              <a:solidFill>
                <a:schemeClr val="accent2">
                  <a:alpha val="3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0" name="Teardrop 59"/>
            <p:cNvSpPr/>
            <p:nvPr>
              <p:custDataLst>
                <p:tags r:id="rId4"/>
              </p:custDataLst>
            </p:nvPr>
          </p:nvSpPr>
          <p:spPr>
            <a:xfrm>
              <a:off x="5857900" y="4794250"/>
              <a:ext cx="152400" cy="177800"/>
            </a:xfrm>
            <a:prstGeom prst="teardrop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70" name="Group 69"/>
          <p:cNvGrpSpPr/>
          <p:nvPr/>
        </p:nvGrpSpPr>
        <p:grpSpPr>
          <a:xfrm>
            <a:off x="3098763" y="2363396"/>
            <a:ext cx="4143609" cy="1569660"/>
            <a:chOff x="3098763" y="2396697"/>
            <a:chExt cx="4143609" cy="1569660"/>
          </a:xfrm>
        </p:grpSpPr>
        <p:sp>
          <p:nvSpPr>
            <p:cNvPr id="68" name="TextBox 67"/>
            <p:cNvSpPr txBox="1"/>
            <p:nvPr/>
          </p:nvSpPr>
          <p:spPr>
            <a:xfrm>
              <a:off x="3468393" y="2396697"/>
              <a:ext cx="3773979" cy="1569660"/>
            </a:xfrm>
            <a:prstGeom prst="rect">
              <a:avLst/>
            </a:prstGeom>
            <a:solidFill>
              <a:schemeClr val="accent3">
                <a:lumMod val="20000"/>
                <a:lumOff val="80000"/>
              </a:schemeClr>
            </a:solidFill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sz="1600" dirty="0" smtClean="0"/>
                <a:t>Pin down objectives for evaluation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sz="1600" dirty="0" smtClean="0"/>
                <a:t>Identify measurement tool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sz="1600" dirty="0" smtClean="0"/>
                <a:t>Determine methodology</a:t>
              </a:r>
            </a:p>
            <a:p>
              <a:pPr marL="742950" lvl="1" indent="-285750">
                <a:buFont typeface="Wingdings" panose="05000000000000000000" pitchFamily="2" charset="2"/>
                <a:buChar char="§"/>
              </a:pPr>
              <a:r>
                <a:rPr lang="en-SG" sz="1600" dirty="0" smtClean="0"/>
                <a:t>Number of treatment groups</a:t>
              </a:r>
            </a:p>
            <a:p>
              <a:pPr marL="742950" lvl="1" indent="-285750">
                <a:buFont typeface="Wingdings" panose="05000000000000000000" pitchFamily="2" charset="2"/>
                <a:buChar char="§"/>
              </a:pPr>
              <a:r>
                <a:rPr lang="en-SG" sz="1600" dirty="0" smtClean="0"/>
                <a:t>Sample selection </a:t>
              </a:r>
            </a:p>
            <a:p>
              <a:pPr marL="742950" lvl="1" indent="-285750">
                <a:buFont typeface="Wingdings" panose="05000000000000000000" pitchFamily="2" charset="2"/>
                <a:buChar char="§"/>
              </a:pPr>
              <a:r>
                <a:rPr lang="en-SG" sz="1600" dirty="0" smtClean="0"/>
                <a:t>Timing of evaluation</a:t>
              </a:r>
              <a:endParaRPr lang="en-SG" sz="1600" dirty="0"/>
            </a:p>
          </p:txBody>
        </p:sp>
        <p:sp>
          <p:nvSpPr>
            <p:cNvPr id="69" name="Right Arrow 68"/>
            <p:cNvSpPr/>
            <p:nvPr/>
          </p:nvSpPr>
          <p:spPr>
            <a:xfrm>
              <a:off x="3098763" y="2586991"/>
              <a:ext cx="295059" cy="173373"/>
            </a:xfrm>
            <a:prstGeom prst="rightArrow">
              <a:avLst/>
            </a:prstGeom>
            <a:solidFill>
              <a:schemeClr val="accent3">
                <a:lumMod val="20000"/>
                <a:lumOff val="80000"/>
              </a:schemeClr>
            </a:solidFill>
            <a:ln>
              <a:solidFill>
                <a:schemeClr val="accent3">
                  <a:lumMod val="60000"/>
                  <a:lumOff val="4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 sz="1600"/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72691" y="3130173"/>
            <a:ext cx="2525564" cy="1125485"/>
            <a:chOff x="72691" y="3130173"/>
            <a:chExt cx="2525564" cy="1125485"/>
          </a:xfrm>
        </p:grpSpPr>
        <p:sp>
          <p:nvSpPr>
            <p:cNvPr id="23" name="TextBox 22"/>
            <p:cNvSpPr txBox="1"/>
            <p:nvPr/>
          </p:nvSpPr>
          <p:spPr>
            <a:xfrm>
              <a:off x="72691" y="3130173"/>
              <a:ext cx="2525564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Look for researchers for program evaluation</a:t>
              </a:r>
              <a:endParaRPr lang="en-SG" dirty="0"/>
            </a:p>
          </p:txBody>
        </p:sp>
        <p:grpSp>
          <p:nvGrpSpPr>
            <p:cNvPr id="44" name="Group 43"/>
            <p:cNvGrpSpPr/>
            <p:nvPr/>
          </p:nvGrpSpPr>
          <p:grpSpPr>
            <a:xfrm flipV="1">
              <a:off x="1240781" y="3736527"/>
              <a:ext cx="189384" cy="519131"/>
              <a:chOff x="2848093" y="4794252"/>
              <a:chExt cx="152400" cy="517215"/>
            </a:xfrm>
            <a:solidFill>
              <a:schemeClr val="accent5">
                <a:lumMod val="75000"/>
              </a:schemeClr>
            </a:solidFill>
          </p:grpSpPr>
          <p:sp>
            <p:nvSpPr>
              <p:cNvPr id="45" name="Teardrop 44"/>
              <p:cNvSpPr/>
              <p:nvPr>
                <p:custDataLst>
                  <p:tags r:id="rId1"/>
                </p:custDataLst>
              </p:nvPr>
            </p:nvSpPr>
            <p:spPr>
              <a:xfrm>
                <a:off x="2848093" y="4794252"/>
                <a:ext cx="152400" cy="177801"/>
              </a:xfrm>
              <a:prstGeom prst="teardrop">
                <a:avLst/>
              </a:prstGeom>
              <a:solidFill>
                <a:schemeClr val="accent3"/>
              </a:solidFill>
              <a:ln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46" name="Straight Connector 45"/>
              <p:cNvCxnSpPr/>
              <p:nvPr>
                <p:custDataLst>
                  <p:tags r:id="rId2"/>
                </p:custDataLst>
              </p:nvPr>
            </p:nvCxnSpPr>
            <p:spPr>
              <a:xfrm flipH="1">
                <a:off x="2924293" y="4883149"/>
                <a:ext cx="6" cy="428318"/>
              </a:xfrm>
              <a:prstGeom prst="line">
                <a:avLst/>
              </a:prstGeom>
              <a:grpFill/>
              <a:ln w="12700" cap="flat" cmpd="sng" algn="ctr">
                <a:solidFill>
                  <a:schemeClr val="accent3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66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203017" y="6465992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8171004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" name="Flowchart: Punched Tape 64"/>
          <p:cNvSpPr/>
          <p:nvPr/>
        </p:nvSpPr>
        <p:spPr>
          <a:xfrm flipH="1">
            <a:off x="1073313" y="1922764"/>
            <a:ext cx="6824800" cy="2396545"/>
          </a:xfrm>
          <a:custGeom>
            <a:avLst/>
            <a:gdLst>
              <a:gd name="connsiteX0" fmla="*/ 0 w 10000"/>
              <a:gd name="connsiteY0" fmla="*/ 1000 h 10000"/>
              <a:gd name="connsiteX1" fmla="*/ 2500 w 10000"/>
              <a:gd name="connsiteY1" fmla="*/ 2000 h 10000"/>
              <a:gd name="connsiteX2" fmla="*/ 5000 w 10000"/>
              <a:gd name="connsiteY2" fmla="*/ 1000 h 10000"/>
              <a:gd name="connsiteX3" fmla="*/ 7500 w 10000"/>
              <a:gd name="connsiteY3" fmla="*/ 0 h 10000"/>
              <a:gd name="connsiteX4" fmla="*/ 10000 w 10000"/>
              <a:gd name="connsiteY4" fmla="*/ 1000 h 10000"/>
              <a:gd name="connsiteX5" fmla="*/ 10000 w 10000"/>
              <a:gd name="connsiteY5" fmla="*/ 9000 h 10000"/>
              <a:gd name="connsiteX6" fmla="*/ 7500 w 10000"/>
              <a:gd name="connsiteY6" fmla="*/ 8000 h 10000"/>
              <a:gd name="connsiteX7" fmla="*/ 5000 w 10000"/>
              <a:gd name="connsiteY7" fmla="*/ 9000 h 10000"/>
              <a:gd name="connsiteX8" fmla="*/ 2500 w 10000"/>
              <a:gd name="connsiteY8" fmla="*/ 10000 h 10000"/>
              <a:gd name="connsiteX9" fmla="*/ 0 w 10000"/>
              <a:gd name="connsiteY9" fmla="*/ 9000 h 10000"/>
              <a:gd name="connsiteX10" fmla="*/ 0 w 10000"/>
              <a:gd name="connsiteY10" fmla="*/ 1000 h 10000"/>
              <a:gd name="connsiteX0" fmla="*/ 0 w 10000"/>
              <a:gd name="connsiteY0" fmla="*/ 1004 h 10004"/>
              <a:gd name="connsiteX1" fmla="*/ 2414 w 10000"/>
              <a:gd name="connsiteY1" fmla="*/ 6794 h 10004"/>
              <a:gd name="connsiteX2" fmla="*/ 5000 w 10000"/>
              <a:gd name="connsiteY2" fmla="*/ 1004 h 10004"/>
              <a:gd name="connsiteX3" fmla="*/ 7500 w 10000"/>
              <a:gd name="connsiteY3" fmla="*/ 4 h 10004"/>
              <a:gd name="connsiteX4" fmla="*/ 10000 w 10000"/>
              <a:gd name="connsiteY4" fmla="*/ 1004 h 10004"/>
              <a:gd name="connsiteX5" fmla="*/ 10000 w 10000"/>
              <a:gd name="connsiteY5" fmla="*/ 9004 h 10004"/>
              <a:gd name="connsiteX6" fmla="*/ 7500 w 10000"/>
              <a:gd name="connsiteY6" fmla="*/ 8004 h 10004"/>
              <a:gd name="connsiteX7" fmla="*/ 5000 w 10000"/>
              <a:gd name="connsiteY7" fmla="*/ 9004 h 10004"/>
              <a:gd name="connsiteX8" fmla="*/ 2500 w 10000"/>
              <a:gd name="connsiteY8" fmla="*/ 10004 h 10004"/>
              <a:gd name="connsiteX9" fmla="*/ 0 w 10000"/>
              <a:gd name="connsiteY9" fmla="*/ 9004 h 10004"/>
              <a:gd name="connsiteX10" fmla="*/ 0 w 10000"/>
              <a:gd name="connsiteY10" fmla="*/ 1004 h 10004"/>
              <a:gd name="connsiteX0" fmla="*/ 0 w 10043"/>
              <a:gd name="connsiteY0" fmla="*/ 1368 h 10368"/>
              <a:gd name="connsiteX1" fmla="*/ 2414 w 10043"/>
              <a:gd name="connsiteY1" fmla="*/ 7158 h 10368"/>
              <a:gd name="connsiteX2" fmla="*/ 5000 w 10043"/>
              <a:gd name="connsiteY2" fmla="*/ 1368 h 10368"/>
              <a:gd name="connsiteX3" fmla="*/ 7500 w 10043"/>
              <a:gd name="connsiteY3" fmla="*/ 368 h 10368"/>
              <a:gd name="connsiteX4" fmla="*/ 10043 w 10043"/>
              <a:gd name="connsiteY4" fmla="*/ 6405 h 10368"/>
              <a:gd name="connsiteX5" fmla="*/ 10000 w 10043"/>
              <a:gd name="connsiteY5" fmla="*/ 9368 h 10368"/>
              <a:gd name="connsiteX6" fmla="*/ 7500 w 10043"/>
              <a:gd name="connsiteY6" fmla="*/ 8368 h 10368"/>
              <a:gd name="connsiteX7" fmla="*/ 5000 w 10043"/>
              <a:gd name="connsiteY7" fmla="*/ 9368 h 10368"/>
              <a:gd name="connsiteX8" fmla="*/ 2500 w 10043"/>
              <a:gd name="connsiteY8" fmla="*/ 10368 h 10368"/>
              <a:gd name="connsiteX9" fmla="*/ 0 w 10043"/>
              <a:gd name="connsiteY9" fmla="*/ 9368 h 10368"/>
              <a:gd name="connsiteX10" fmla="*/ 0 w 10043"/>
              <a:gd name="connsiteY10" fmla="*/ 1368 h 10368"/>
              <a:gd name="connsiteX0" fmla="*/ 0 w 10043"/>
              <a:gd name="connsiteY0" fmla="*/ 1136 h 10136"/>
              <a:gd name="connsiteX1" fmla="*/ 2414 w 10043"/>
              <a:gd name="connsiteY1" fmla="*/ 6926 h 10136"/>
              <a:gd name="connsiteX2" fmla="*/ 5539 w 10043"/>
              <a:gd name="connsiteY2" fmla="*/ 2371 h 10136"/>
              <a:gd name="connsiteX3" fmla="*/ 7500 w 10043"/>
              <a:gd name="connsiteY3" fmla="*/ 136 h 10136"/>
              <a:gd name="connsiteX4" fmla="*/ 10043 w 10043"/>
              <a:gd name="connsiteY4" fmla="*/ 6173 h 10136"/>
              <a:gd name="connsiteX5" fmla="*/ 10000 w 10043"/>
              <a:gd name="connsiteY5" fmla="*/ 9136 h 10136"/>
              <a:gd name="connsiteX6" fmla="*/ 7500 w 10043"/>
              <a:gd name="connsiteY6" fmla="*/ 8136 h 10136"/>
              <a:gd name="connsiteX7" fmla="*/ 5000 w 10043"/>
              <a:gd name="connsiteY7" fmla="*/ 9136 h 10136"/>
              <a:gd name="connsiteX8" fmla="*/ 2500 w 10043"/>
              <a:gd name="connsiteY8" fmla="*/ 10136 h 10136"/>
              <a:gd name="connsiteX9" fmla="*/ 0 w 10043"/>
              <a:gd name="connsiteY9" fmla="*/ 9136 h 10136"/>
              <a:gd name="connsiteX10" fmla="*/ 0 w 10043"/>
              <a:gd name="connsiteY10" fmla="*/ 1136 h 10136"/>
              <a:gd name="connsiteX0" fmla="*/ 0 w 10043"/>
              <a:gd name="connsiteY0" fmla="*/ 1168 h 10168"/>
              <a:gd name="connsiteX1" fmla="*/ 2414 w 10043"/>
              <a:gd name="connsiteY1" fmla="*/ 6958 h 10168"/>
              <a:gd name="connsiteX2" fmla="*/ 5539 w 10043"/>
              <a:gd name="connsiteY2" fmla="*/ 2403 h 10168"/>
              <a:gd name="connsiteX3" fmla="*/ 7500 w 10043"/>
              <a:gd name="connsiteY3" fmla="*/ 168 h 10168"/>
              <a:gd name="connsiteX4" fmla="*/ 10043 w 10043"/>
              <a:gd name="connsiteY4" fmla="*/ 6205 h 10168"/>
              <a:gd name="connsiteX5" fmla="*/ 10000 w 10043"/>
              <a:gd name="connsiteY5" fmla="*/ 9168 h 10168"/>
              <a:gd name="connsiteX6" fmla="*/ 7500 w 10043"/>
              <a:gd name="connsiteY6" fmla="*/ 8168 h 10168"/>
              <a:gd name="connsiteX7" fmla="*/ 5000 w 10043"/>
              <a:gd name="connsiteY7" fmla="*/ 9168 h 10168"/>
              <a:gd name="connsiteX8" fmla="*/ 2500 w 10043"/>
              <a:gd name="connsiteY8" fmla="*/ 10168 h 10168"/>
              <a:gd name="connsiteX9" fmla="*/ 0 w 10043"/>
              <a:gd name="connsiteY9" fmla="*/ 9168 h 10168"/>
              <a:gd name="connsiteX10" fmla="*/ 0 w 10043"/>
              <a:gd name="connsiteY10" fmla="*/ 1168 h 10168"/>
              <a:gd name="connsiteX0" fmla="*/ 0 w 10043"/>
              <a:gd name="connsiteY0" fmla="*/ 1168 h 10168"/>
              <a:gd name="connsiteX1" fmla="*/ 2414 w 10043"/>
              <a:gd name="connsiteY1" fmla="*/ 6958 h 10168"/>
              <a:gd name="connsiteX2" fmla="*/ 5539 w 10043"/>
              <a:gd name="connsiteY2" fmla="*/ 2403 h 10168"/>
              <a:gd name="connsiteX3" fmla="*/ 7500 w 10043"/>
              <a:gd name="connsiteY3" fmla="*/ 168 h 10168"/>
              <a:gd name="connsiteX4" fmla="*/ 10043 w 10043"/>
              <a:gd name="connsiteY4" fmla="*/ 6205 h 10168"/>
              <a:gd name="connsiteX5" fmla="*/ 10000 w 10043"/>
              <a:gd name="connsiteY5" fmla="*/ 9168 h 10168"/>
              <a:gd name="connsiteX6" fmla="*/ 7500 w 10043"/>
              <a:gd name="connsiteY6" fmla="*/ 8168 h 10168"/>
              <a:gd name="connsiteX7" fmla="*/ 5000 w 10043"/>
              <a:gd name="connsiteY7" fmla="*/ 9168 h 10168"/>
              <a:gd name="connsiteX8" fmla="*/ 2500 w 10043"/>
              <a:gd name="connsiteY8" fmla="*/ 10168 h 10168"/>
              <a:gd name="connsiteX9" fmla="*/ 0 w 10043"/>
              <a:gd name="connsiteY9" fmla="*/ 9168 h 10168"/>
              <a:gd name="connsiteX10" fmla="*/ 0 w 10043"/>
              <a:gd name="connsiteY10" fmla="*/ 1168 h 10168"/>
              <a:gd name="connsiteX0" fmla="*/ 0 w 10043"/>
              <a:gd name="connsiteY0" fmla="*/ 1168 h 10168"/>
              <a:gd name="connsiteX1" fmla="*/ 2414 w 10043"/>
              <a:gd name="connsiteY1" fmla="*/ 6958 h 10168"/>
              <a:gd name="connsiteX2" fmla="*/ 5539 w 10043"/>
              <a:gd name="connsiteY2" fmla="*/ 2403 h 10168"/>
              <a:gd name="connsiteX3" fmla="*/ 7500 w 10043"/>
              <a:gd name="connsiteY3" fmla="*/ 168 h 10168"/>
              <a:gd name="connsiteX4" fmla="*/ 10043 w 10043"/>
              <a:gd name="connsiteY4" fmla="*/ 6205 h 10168"/>
              <a:gd name="connsiteX5" fmla="*/ 10000 w 10043"/>
              <a:gd name="connsiteY5" fmla="*/ 9168 h 10168"/>
              <a:gd name="connsiteX6" fmla="*/ 7522 w 10043"/>
              <a:gd name="connsiteY6" fmla="*/ 9008 h 10168"/>
              <a:gd name="connsiteX7" fmla="*/ 5000 w 10043"/>
              <a:gd name="connsiteY7" fmla="*/ 9168 h 10168"/>
              <a:gd name="connsiteX8" fmla="*/ 2500 w 10043"/>
              <a:gd name="connsiteY8" fmla="*/ 10168 h 10168"/>
              <a:gd name="connsiteX9" fmla="*/ 0 w 10043"/>
              <a:gd name="connsiteY9" fmla="*/ 9168 h 10168"/>
              <a:gd name="connsiteX10" fmla="*/ 0 w 10043"/>
              <a:gd name="connsiteY10" fmla="*/ 1168 h 10168"/>
              <a:gd name="connsiteX0" fmla="*/ 0 w 10043"/>
              <a:gd name="connsiteY0" fmla="*/ 1168 h 9530"/>
              <a:gd name="connsiteX1" fmla="*/ 2414 w 10043"/>
              <a:gd name="connsiteY1" fmla="*/ 6958 h 9530"/>
              <a:gd name="connsiteX2" fmla="*/ 5539 w 10043"/>
              <a:gd name="connsiteY2" fmla="*/ 2403 h 9530"/>
              <a:gd name="connsiteX3" fmla="*/ 7500 w 10043"/>
              <a:gd name="connsiteY3" fmla="*/ 168 h 9530"/>
              <a:gd name="connsiteX4" fmla="*/ 10043 w 10043"/>
              <a:gd name="connsiteY4" fmla="*/ 6205 h 9530"/>
              <a:gd name="connsiteX5" fmla="*/ 10000 w 10043"/>
              <a:gd name="connsiteY5" fmla="*/ 9168 h 9530"/>
              <a:gd name="connsiteX6" fmla="*/ 7522 w 10043"/>
              <a:gd name="connsiteY6" fmla="*/ 9008 h 9530"/>
              <a:gd name="connsiteX7" fmla="*/ 5000 w 10043"/>
              <a:gd name="connsiteY7" fmla="*/ 9168 h 9530"/>
              <a:gd name="connsiteX8" fmla="*/ 2500 w 10043"/>
              <a:gd name="connsiteY8" fmla="*/ 9477 h 9530"/>
              <a:gd name="connsiteX9" fmla="*/ 0 w 10043"/>
              <a:gd name="connsiteY9" fmla="*/ 9168 h 9530"/>
              <a:gd name="connsiteX10" fmla="*/ 0 w 10043"/>
              <a:gd name="connsiteY10" fmla="*/ 1168 h 9530"/>
              <a:gd name="connsiteX0" fmla="*/ 0 w 10000"/>
              <a:gd name="connsiteY0" fmla="*/ 1226 h 9999"/>
              <a:gd name="connsiteX1" fmla="*/ 2404 w 10000"/>
              <a:gd name="connsiteY1" fmla="*/ 7301 h 9999"/>
              <a:gd name="connsiteX2" fmla="*/ 5515 w 10000"/>
              <a:gd name="connsiteY2" fmla="*/ 2522 h 9999"/>
              <a:gd name="connsiteX3" fmla="*/ 7468 w 10000"/>
              <a:gd name="connsiteY3" fmla="*/ 176 h 9999"/>
              <a:gd name="connsiteX4" fmla="*/ 10000 w 10000"/>
              <a:gd name="connsiteY4" fmla="*/ 6511 h 9999"/>
              <a:gd name="connsiteX5" fmla="*/ 9914 w 10000"/>
              <a:gd name="connsiteY5" fmla="*/ 9309 h 9999"/>
              <a:gd name="connsiteX6" fmla="*/ 7490 w 10000"/>
              <a:gd name="connsiteY6" fmla="*/ 9452 h 9999"/>
              <a:gd name="connsiteX7" fmla="*/ 4979 w 10000"/>
              <a:gd name="connsiteY7" fmla="*/ 9620 h 9999"/>
              <a:gd name="connsiteX8" fmla="*/ 2489 w 10000"/>
              <a:gd name="connsiteY8" fmla="*/ 9944 h 9999"/>
              <a:gd name="connsiteX9" fmla="*/ 0 w 10000"/>
              <a:gd name="connsiteY9" fmla="*/ 9620 h 9999"/>
              <a:gd name="connsiteX10" fmla="*/ 0 w 10000"/>
              <a:gd name="connsiteY10" fmla="*/ 1226 h 9999"/>
              <a:gd name="connsiteX0" fmla="*/ 0 w 10000"/>
              <a:gd name="connsiteY0" fmla="*/ 1226 h 9846"/>
              <a:gd name="connsiteX1" fmla="*/ 2404 w 10000"/>
              <a:gd name="connsiteY1" fmla="*/ 7302 h 9846"/>
              <a:gd name="connsiteX2" fmla="*/ 5515 w 10000"/>
              <a:gd name="connsiteY2" fmla="*/ 2522 h 9846"/>
              <a:gd name="connsiteX3" fmla="*/ 7468 w 10000"/>
              <a:gd name="connsiteY3" fmla="*/ 176 h 9846"/>
              <a:gd name="connsiteX4" fmla="*/ 10000 w 10000"/>
              <a:gd name="connsiteY4" fmla="*/ 6512 h 9846"/>
              <a:gd name="connsiteX5" fmla="*/ 9914 w 10000"/>
              <a:gd name="connsiteY5" fmla="*/ 9310 h 9846"/>
              <a:gd name="connsiteX6" fmla="*/ 7490 w 10000"/>
              <a:gd name="connsiteY6" fmla="*/ 9453 h 9846"/>
              <a:gd name="connsiteX7" fmla="*/ 4979 w 10000"/>
              <a:gd name="connsiteY7" fmla="*/ 9621 h 9846"/>
              <a:gd name="connsiteX8" fmla="*/ 2575 w 10000"/>
              <a:gd name="connsiteY8" fmla="*/ 9479 h 9846"/>
              <a:gd name="connsiteX9" fmla="*/ 0 w 10000"/>
              <a:gd name="connsiteY9" fmla="*/ 9621 h 9846"/>
              <a:gd name="connsiteX10" fmla="*/ 0 w 10000"/>
              <a:gd name="connsiteY10" fmla="*/ 1226 h 9846"/>
              <a:gd name="connsiteX0" fmla="*/ 0 w 10000"/>
              <a:gd name="connsiteY0" fmla="*/ 1245 h 9840"/>
              <a:gd name="connsiteX1" fmla="*/ 2404 w 10000"/>
              <a:gd name="connsiteY1" fmla="*/ 7416 h 9840"/>
              <a:gd name="connsiteX2" fmla="*/ 5515 w 10000"/>
              <a:gd name="connsiteY2" fmla="*/ 2561 h 9840"/>
              <a:gd name="connsiteX3" fmla="*/ 7468 w 10000"/>
              <a:gd name="connsiteY3" fmla="*/ 179 h 9840"/>
              <a:gd name="connsiteX4" fmla="*/ 10000 w 10000"/>
              <a:gd name="connsiteY4" fmla="*/ 6614 h 9840"/>
              <a:gd name="connsiteX5" fmla="*/ 9914 w 10000"/>
              <a:gd name="connsiteY5" fmla="*/ 9456 h 9840"/>
              <a:gd name="connsiteX6" fmla="*/ 7490 w 10000"/>
              <a:gd name="connsiteY6" fmla="*/ 9601 h 9840"/>
              <a:gd name="connsiteX7" fmla="*/ 4979 w 10000"/>
              <a:gd name="connsiteY7" fmla="*/ 9771 h 9840"/>
              <a:gd name="connsiteX8" fmla="*/ 2575 w 10000"/>
              <a:gd name="connsiteY8" fmla="*/ 9627 h 9840"/>
              <a:gd name="connsiteX9" fmla="*/ 43 w 10000"/>
              <a:gd name="connsiteY9" fmla="*/ 9560 h 9840"/>
              <a:gd name="connsiteX10" fmla="*/ 0 w 10000"/>
              <a:gd name="connsiteY10" fmla="*/ 1245 h 984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914 w 10000"/>
              <a:gd name="connsiteY5" fmla="*/ 9610 h 10000"/>
              <a:gd name="connsiteX6" fmla="*/ 7490 w 10000"/>
              <a:gd name="connsiteY6" fmla="*/ 975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914 w 10000"/>
              <a:gd name="connsiteY5" fmla="*/ 9610 h 10000"/>
              <a:gd name="connsiteX6" fmla="*/ 7469 w 10000"/>
              <a:gd name="connsiteY6" fmla="*/ 959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871 w 10000"/>
              <a:gd name="connsiteY5" fmla="*/ 9557 h 10000"/>
              <a:gd name="connsiteX6" fmla="*/ 7469 w 10000"/>
              <a:gd name="connsiteY6" fmla="*/ 959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0"/>
              <a:gd name="connsiteY0" fmla="*/ 1265 h 10000"/>
              <a:gd name="connsiteX1" fmla="*/ 2404 w 10000"/>
              <a:gd name="connsiteY1" fmla="*/ 7537 h 10000"/>
              <a:gd name="connsiteX2" fmla="*/ 5515 w 10000"/>
              <a:gd name="connsiteY2" fmla="*/ 2603 h 10000"/>
              <a:gd name="connsiteX3" fmla="*/ 7468 w 10000"/>
              <a:gd name="connsiteY3" fmla="*/ 182 h 10000"/>
              <a:gd name="connsiteX4" fmla="*/ 10000 w 10000"/>
              <a:gd name="connsiteY4" fmla="*/ 6722 h 10000"/>
              <a:gd name="connsiteX5" fmla="*/ 9871 w 10000"/>
              <a:gd name="connsiteY5" fmla="*/ 9557 h 10000"/>
              <a:gd name="connsiteX6" fmla="*/ 7469 w 10000"/>
              <a:gd name="connsiteY6" fmla="*/ 9597 h 10000"/>
              <a:gd name="connsiteX7" fmla="*/ 5022 w 10000"/>
              <a:gd name="connsiteY7" fmla="*/ 9716 h 10000"/>
              <a:gd name="connsiteX8" fmla="*/ 2575 w 10000"/>
              <a:gd name="connsiteY8" fmla="*/ 9784 h 10000"/>
              <a:gd name="connsiteX9" fmla="*/ 43 w 10000"/>
              <a:gd name="connsiteY9" fmla="*/ 9715 h 10000"/>
              <a:gd name="connsiteX10" fmla="*/ 0 w 10000"/>
              <a:gd name="connsiteY10" fmla="*/ 1265 h 10000"/>
              <a:gd name="connsiteX0" fmla="*/ 0 w 10008"/>
              <a:gd name="connsiteY0" fmla="*/ 1265 h 10000"/>
              <a:gd name="connsiteX1" fmla="*/ 2404 w 10008"/>
              <a:gd name="connsiteY1" fmla="*/ 7537 h 10000"/>
              <a:gd name="connsiteX2" fmla="*/ 5515 w 10008"/>
              <a:gd name="connsiteY2" fmla="*/ 2603 h 10000"/>
              <a:gd name="connsiteX3" fmla="*/ 7468 w 10008"/>
              <a:gd name="connsiteY3" fmla="*/ 182 h 10000"/>
              <a:gd name="connsiteX4" fmla="*/ 10000 w 10008"/>
              <a:gd name="connsiteY4" fmla="*/ 6722 h 10000"/>
              <a:gd name="connsiteX5" fmla="*/ 9871 w 10008"/>
              <a:gd name="connsiteY5" fmla="*/ 9557 h 10000"/>
              <a:gd name="connsiteX6" fmla="*/ 7469 w 10008"/>
              <a:gd name="connsiteY6" fmla="*/ 9597 h 10000"/>
              <a:gd name="connsiteX7" fmla="*/ 5022 w 10008"/>
              <a:gd name="connsiteY7" fmla="*/ 9716 h 10000"/>
              <a:gd name="connsiteX8" fmla="*/ 2575 w 10008"/>
              <a:gd name="connsiteY8" fmla="*/ 9784 h 10000"/>
              <a:gd name="connsiteX9" fmla="*/ 43 w 10008"/>
              <a:gd name="connsiteY9" fmla="*/ 9715 h 10000"/>
              <a:gd name="connsiteX10" fmla="*/ 0 w 10008"/>
              <a:gd name="connsiteY10" fmla="*/ 1265 h 10000"/>
              <a:gd name="connsiteX0" fmla="*/ 0 w 10008"/>
              <a:gd name="connsiteY0" fmla="*/ 1265 h 9794"/>
              <a:gd name="connsiteX1" fmla="*/ 2404 w 10008"/>
              <a:gd name="connsiteY1" fmla="*/ 7537 h 9794"/>
              <a:gd name="connsiteX2" fmla="*/ 5515 w 10008"/>
              <a:gd name="connsiteY2" fmla="*/ 2603 h 9794"/>
              <a:gd name="connsiteX3" fmla="*/ 7468 w 10008"/>
              <a:gd name="connsiteY3" fmla="*/ 182 h 9794"/>
              <a:gd name="connsiteX4" fmla="*/ 10000 w 10008"/>
              <a:gd name="connsiteY4" fmla="*/ 6722 h 9794"/>
              <a:gd name="connsiteX5" fmla="*/ 9871 w 10008"/>
              <a:gd name="connsiteY5" fmla="*/ 9557 h 9794"/>
              <a:gd name="connsiteX6" fmla="*/ 7469 w 10008"/>
              <a:gd name="connsiteY6" fmla="*/ 9597 h 9794"/>
              <a:gd name="connsiteX7" fmla="*/ 5022 w 10008"/>
              <a:gd name="connsiteY7" fmla="*/ 9716 h 9794"/>
              <a:gd name="connsiteX8" fmla="*/ 2575 w 10008"/>
              <a:gd name="connsiteY8" fmla="*/ 9784 h 9794"/>
              <a:gd name="connsiteX9" fmla="*/ 43 w 10008"/>
              <a:gd name="connsiteY9" fmla="*/ 9715 h 9794"/>
              <a:gd name="connsiteX10" fmla="*/ 0 w 10008"/>
              <a:gd name="connsiteY10" fmla="*/ 1265 h 9794"/>
              <a:gd name="connsiteX0" fmla="*/ 0 w 10000"/>
              <a:gd name="connsiteY0" fmla="*/ 1292 h 10000"/>
              <a:gd name="connsiteX1" fmla="*/ 2402 w 10000"/>
              <a:gd name="connsiteY1" fmla="*/ 7696 h 10000"/>
              <a:gd name="connsiteX2" fmla="*/ 5511 w 10000"/>
              <a:gd name="connsiteY2" fmla="*/ 2658 h 10000"/>
              <a:gd name="connsiteX3" fmla="*/ 7462 w 10000"/>
              <a:gd name="connsiteY3" fmla="*/ 186 h 10000"/>
              <a:gd name="connsiteX4" fmla="*/ 9992 w 10000"/>
              <a:gd name="connsiteY4" fmla="*/ 6863 h 10000"/>
              <a:gd name="connsiteX5" fmla="*/ 9863 w 10000"/>
              <a:gd name="connsiteY5" fmla="*/ 9758 h 10000"/>
              <a:gd name="connsiteX6" fmla="*/ 7463 w 10000"/>
              <a:gd name="connsiteY6" fmla="*/ 9799 h 10000"/>
              <a:gd name="connsiteX7" fmla="*/ 5018 w 10000"/>
              <a:gd name="connsiteY7" fmla="*/ 9920 h 10000"/>
              <a:gd name="connsiteX8" fmla="*/ 2573 w 10000"/>
              <a:gd name="connsiteY8" fmla="*/ 9990 h 10000"/>
              <a:gd name="connsiteX9" fmla="*/ 43 w 10000"/>
              <a:gd name="connsiteY9" fmla="*/ 9919 h 10000"/>
              <a:gd name="connsiteX10" fmla="*/ 0 w 10000"/>
              <a:gd name="connsiteY10" fmla="*/ 1292 h 10000"/>
              <a:gd name="connsiteX0" fmla="*/ 0 w 10000"/>
              <a:gd name="connsiteY0" fmla="*/ 1292 h 10000"/>
              <a:gd name="connsiteX1" fmla="*/ 675 w 10000"/>
              <a:gd name="connsiteY1" fmla="*/ 3923 h 10000"/>
              <a:gd name="connsiteX2" fmla="*/ 2402 w 10000"/>
              <a:gd name="connsiteY2" fmla="*/ 7696 h 10000"/>
              <a:gd name="connsiteX3" fmla="*/ 5511 w 10000"/>
              <a:gd name="connsiteY3" fmla="*/ 2658 h 10000"/>
              <a:gd name="connsiteX4" fmla="*/ 7462 w 10000"/>
              <a:gd name="connsiteY4" fmla="*/ 186 h 10000"/>
              <a:gd name="connsiteX5" fmla="*/ 9992 w 10000"/>
              <a:gd name="connsiteY5" fmla="*/ 6863 h 10000"/>
              <a:gd name="connsiteX6" fmla="*/ 9863 w 10000"/>
              <a:gd name="connsiteY6" fmla="*/ 9758 h 10000"/>
              <a:gd name="connsiteX7" fmla="*/ 7463 w 10000"/>
              <a:gd name="connsiteY7" fmla="*/ 9799 h 10000"/>
              <a:gd name="connsiteX8" fmla="*/ 5018 w 10000"/>
              <a:gd name="connsiteY8" fmla="*/ 9920 h 10000"/>
              <a:gd name="connsiteX9" fmla="*/ 2573 w 10000"/>
              <a:gd name="connsiteY9" fmla="*/ 9990 h 10000"/>
              <a:gd name="connsiteX10" fmla="*/ 43 w 10000"/>
              <a:gd name="connsiteY10" fmla="*/ 9919 h 10000"/>
              <a:gd name="connsiteX11" fmla="*/ 0 w 10000"/>
              <a:gd name="connsiteY11" fmla="*/ 1292 h 10000"/>
              <a:gd name="connsiteX0" fmla="*/ 0 w 10000"/>
              <a:gd name="connsiteY0" fmla="*/ 1292 h 10000"/>
              <a:gd name="connsiteX1" fmla="*/ 975 w 10000"/>
              <a:gd name="connsiteY1" fmla="*/ 1301 h 10000"/>
              <a:gd name="connsiteX2" fmla="*/ 2402 w 10000"/>
              <a:gd name="connsiteY2" fmla="*/ 7696 h 10000"/>
              <a:gd name="connsiteX3" fmla="*/ 5511 w 10000"/>
              <a:gd name="connsiteY3" fmla="*/ 2658 h 10000"/>
              <a:gd name="connsiteX4" fmla="*/ 7462 w 10000"/>
              <a:gd name="connsiteY4" fmla="*/ 186 h 10000"/>
              <a:gd name="connsiteX5" fmla="*/ 9992 w 10000"/>
              <a:gd name="connsiteY5" fmla="*/ 6863 h 10000"/>
              <a:gd name="connsiteX6" fmla="*/ 9863 w 10000"/>
              <a:gd name="connsiteY6" fmla="*/ 9758 h 10000"/>
              <a:gd name="connsiteX7" fmla="*/ 7463 w 10000"/>
              <a:gd name="connsiteY7" fmla="*/ 9799 h 10000"/>
              <a:gd name="connsiteX8" fmla="*/ 5018 w 10000"/>
              <a:gd name="connsiteY8" fmla="*/ 9920 h 10000"/>
              <a:gd name="connsiteX9" fmla="*/ 2573 w 10000"/>
              <a:gd name="connsiteY9" fmla="*/ 9990 h 10000"/>
              <a:gd name="connsiteX10" fmla="*/ 43 w 10000"/>
              <a:gd name="connsiteY10" fmla="*/ 9919 h 10000"/>
              <a:gd name="connsiteX11" fmla="*/ 0 w 10000"/>
              <a:gd name="connsiteY11" fmla="*/ 1292 h 10000"/>
              <a:gd name="connsiteX0" fmla="*/ 0 w 10000"/>
              <a:gd name="connsiteY0" fmla="*/ 1256 h 9964"/>
              <a:gd name="connsiteX1" fmla="*/ 975 w 10000"/>
              <a:gd name="connsiteY1" fmla="*/ 1265 h 9964"/>
              <a:gd name="connsiteX2" fmla="*/ 2531 w 10000"/>
              <a:gd name="connsiteY2" fmla="*/ 7660 h 9964"/>
              <a:gd name="connsiteX3" fmla="*/ 5511 w 10000"/>
              <a:gd name="connsiteY3" fmla="*/ 2622 h 9964"/>
              <a:gd name="connsiteX4" fmla="*/ 7462 w 10000"/>
              <a:gd name="connsiteY4" fmla="*/ 150 h 9964"/>
              <a:gd name="connsiteX5" fmla="*/ 9992 w 10000"/>
              <a:gd name="connsiteY5" fmla="*/ 6827 h 9964"/>
              <a:gd name="connsiteX6" fmla="*/ 9863 w 10000"/>
              <a:gd name="connsiteY6" fmla="*/ 9722 h 9964"/>
              <a:gd name="connsiteX7" fmla="*/ 7463 w 10000"/>
              <a:gd name="connsiteY7" fmla="*/ 9763 h 9964"/>
              <a:gd name="connsiteX8" fmla="*/ 5018 w 10000"/>
              <a:gd name="connsiteY8" fmla="*/ 9884 h 9964"/>
              <a:gd name="connsiteX9" fmla="*/ 2573 w 10000"/>
              <a:gd name="connsiteY9" fmla="*/ 9954 h 9964"/>
              <a:gd name="connsiteX10" fmla="*/ 43 w 10000"/>
              <a:gd name="connsiteY10" fmla="*/ 9883 h 9964"/>
              <a:gd name="connsiteX11" fmla="*/ 0 w 10000"/>
              <a:gd name="connsiteY11" fmla="*/ 1256 h 9964"/>
              <a:gd name="connsiteX0" fmla="*/ 0 w 10000"/>
              <a:gd name="connsiteY0" fmla="*/ 1261 h 10000"/>
              <a:gd name="connsiteX1" fmla="*/ 975 w 10000"/>
              <a:gd name="connsiteY1" fmla="*/ 1270 h 10000"/>
              <a:gd name="connsiteX2" fmla="*/ 2531 w 10000"/>
              <a:gd name="connsiteY2" fmla="*/ 7688 h 10000"/>
              <a:gd name="connsiteX3" fmla="*/ 5511 w 10000"/>
              <a:gd name="connsiteY3" fmla="*/ 2631 h 10000"/>
              <a:gd name="connsiteX4" fmla="*/ 7462 w 10000"/>
              <a:gd name="connsiteY4" fmla="*/ 151 h 10000"/>
              <a:gd name="connsiteX5" fmla="*/ 9992 w 10000"/>
              <a:gd name="connsiteY5" fmla="*/ 6852 h 10000"/>
              <a:gd name="connsiteX6" fmla="*/ 9863 w 10000"/>
              <a:gd name="connsiteY6" fmla="*/ 9757 h 10000"/>
              <a:gd name="connsiteX7" fmla="*/ 7463 w 10000"/>
              <a:gd name="connsiteY7" fmla="*/ 9798 h 10000"/>
              <a:gd name="connsiteX8" fmla="*/ 5018 w 10000"/>
              <a:gd name="connsiteY8" fmla="*/ 9920 h 10000"/>
              <a:gd name="connsiteX9" fmla="*/ 2573 w 10000"/>
              <a:gd name="connsiteY9" fmla="*/ 9990 h 10000"/>
              <a:gd name="connsiteX10" fmla="*/ 43 w 10000"/>
              <a:gd name="connsiteY10" fmla="*/ 9919 h 10000"/>
              <a:gd name="connsiteX11" fmla="*/ 0 w 10000"/>
              <a:gd name="connsiteY11" fmla="*/ 1261 h 10000"/>
              <a:gd name="connsiteX0" fmla="*/ 0 w 10000"/>
              <a:gd name="connsiteY0" fmla="*/ 1273 h 10012"/>
              <a:gd name="connsiteX1" fmla="*/ 975 w 10000"/>
              <a:gd name="connsiteY1" fmla="*/ 1282 h 10012"/>
              <a:gd name="connsiteX2" fmla="*/ 2531 w 10000"/>
              <a:gd name="connsiteY2" fmla="*/ 7700 h 10012"/>
              <a:gd name="connsiteX3" fmla="*/ 5511 w 10000"/>
              <a:gd name="connsiteY3" fmla="*/ 2643 h 10012"/>
              <a:gd name="connsiteX4" fmla="*/ 7462 w 10000"/>
              <a:gd name="connsiteY4" fmla="*/ 163 h 10012"/>
              <a:gd name="connsiteX5" fmla="*/ 9992 w 10000"/>
              <a:gd name="connsiteY5" fmla="*/ 6864 h 10012"/>
              <a:gd name="connsiteX6" fmla="*/ 9863 w 10000"/>
              <a:gd name="connsiteY6" fmla="*/ 9769 h 10012"/>
              <a:gd name="connsiteX7" fmla="*/ 7463 w 10000"/>
              <a:gd name="connsiteY7" fmla="*/ 9810 h 10012"/>
              <a:gd name="connsiteX8" fmla="*/ 5018 w 10000"/>
              <a:gd name="connsiteY8" fmla="*/ 9932 h 10012"/>
              <a:gd name="connsiteX9" fmla="*/ 2573 w 10000"/>
              <a:gd name="connsiteY9" fmla="*/ 10002 h 10012"/>
              <a:gd name="connsiteX10" fmla="*/ 43 w 10000"/>
              <a:gd name="connsiteY10" fmla="*/ 9931 h 10012"/>
              <a:gd name="connsiteX11" fmla="*/ 0 w 10000"/>
              <a:gd name="connsiteY11" fmla="*/ 1273 h 10012"/>
              <a:gd name="connsiteX0" fmla="*/ 0 w 9992"/>
              <a:gd name="connsiteY0" fmla="*/ 1273 h 10012"/>
              <a:gd name="connsiteX1" fmla="*/ 975 w 9992"/>
              <a:gd name="connsiteY1" fmla="*/ 1282 h 10012"/>
              <a:gd name="connsiteX2" fmla="*/ 2531 w 9992"/>
              <a:gd name="connsiteY2" fmla="*/ 7700 h 10012"/>
              <a:gd name="connsiteX3" fmla="*/ 5511 w 9992"/>
              <a:gd name="connsiteY3" fmla="*/ 2643 h 10012"/>
              <a:gd name="connsiteX4" fmla="*/ 7462 w 9992"/>
              <a:gd name="connsiteY4" fmla="*/ 163 h 10012"/>
              <a:gd name="connsiteX5" fmla="*/ 9992 w 9992"/>
              <a:gd name="connsiteY5" fmla="*/ 6864 h 10012"/>
              <a:gd name="connsiteX6" fmla="*/ 9863 w 9992"/>
              <a:gd name="connsiteY6" fmla="*/ 9769 h 10012"/>
              <a:gd name="connsiteX7" fmla="*/ 7463 w 9992"/>
              <a:gd name="connsiteY7" fmla="*/ 9810 h 10012"/>
              <a:gd name="connsiteX8" fmla="*/ 5018 w 9992"/>
              <a:gd name="connsiteY8" fmla="*/ 9932 h 10012"/>
              <a:gd name="connsiteX9" fmla="*/ 2573 w 9992"/>
              <a:gd name="connsiteY9" fmla="*/ 10002 h 10012"/>
              <a:gd name="connsiteX10" fmla="*/ 43 w 9992"/>
              <a:gd name="connsiteY10" fmla="*/ 9931 h 10012"/>
              <a:gd name="connsiteX11" fmla="*/ 0 w 9992"/>
              <a:gd name="connsiteY11" fmla="*/ 1273 h 10012"/>
              <a:gd name="connsiteX0" fmla="*/ 0 w 10002"/>
              <a:gd name="connsiteY0" fmla="*/ 1271 h 10000"/>
              <a:gd name="connsiteX1" fmla="*/ 976 w 10002"/>
              <a:gd name="connsiteY1" fmla="*/ 1280 h 10000"/>
              <a:gd name="connsiteX2" fmla="*/ 2533 w 10002"/>
              <a:gd name="connsiteY2" fmla="*/ 7691 h 10000"/>
              <a:gd name="connsiteX3" fmla="*/ 5515 w 10002"/>
              <a:gd name="connsiteY3" fmla="*/ 2640 h 10000"/>
              <a:gd name="connsiteX4" fmla="*/ 7468 w 10002"/>
              <a:gd name="connsiteY4" fmla="*/ 163 h 10000"/>
              <a:gd name="connsiteX5" fmla="*/ 10000 w 10002"/>
              <a:gd name="connsiteY5" fmla="*/ 6856 h 10000"/>
              <a:gd name="connsiteX6" fmla="*/ 9957 w 10002"/>
              <a:gd name="connsiteY6" fmla="*/ 9812 h 10000"/>
              <a:gd name="connsiteX7" fmla="*/ 7469 w 10002"/>
              <a:gd name="connsiteY7" fmla="*/ 9798 h 10000"/>
              <a:gd name="connsiteX8" fmla="*/ 5022 w 10002"/>
              <a:gd name="connsiteY8" fmla="*/ 9920 h 10000"/>
              <a:gd name="connsiteX9" fmla="*/ 2575 w 10002"/>
              <a:gd name="connsiteY9" fmla="*/ 9990 h 10000"/>
              <a:gd name="connsiteX10" fmla="*/ 43 w 10002"/>
              <a:gd name="connsiteY10" fmla="*/ 9919 h 10000"/>
              <a:gd name="connsiteX11" fmla="*/ 0 w 10002"/>
              <a:gd name="connsiteY11" fmla="*/ 1271 h 10000"/>
              <a:gd name="connsiteX0" fmla="*/ 2 w 9964"/>
              <a:gd name="connsiteY0" fmla="*/ 6965 h 10000"/>
              <a:gd name="connsiteX1" fmla="*/ 938 w 9964"/>
              <a:gd name="connsiteY1" fmla="*/ 1280 h 10000"/>
              <a:gd name="connsiteX2" fmla="*/ 2495 w 9964"/>
              <a:gd name="connsiteY2" fmla="*/ 7691 h 10000"/>
              <a:gd name="connsiteX3" fmla="*/ 5477 w 9964"/>
              <a:gd name="connsiteY3" fmla="*/ 2640 h 10000"/>
              <a:gd name="connsiteX4" fmla="*/ 7430 w 9964"/>
              <a:gd name="connsiteY4" fmla="*/ 163 h 10000"/>
              <a:gd name="connsiteX5" fmla="*/ 9962 w 9964"/>
              <a:gd name="connsiteY5" fmla="*/ 6856 h 10000"/>
              <a:gd name="connsiteX6" fmla="*/ 9919 w 9964"/>
              <a:gd name="connsiteY6" fmla="*/ 9812 h 10000"/>
              <a:gd name="connsiteX7" fmla="*/ 7431 w 9964"/>
              <a:gd name="connsiteY7" fmla="*/ 9798 h 10000"/>
              <a:gd name="connsiteX8" fmla="*/ 4984 w 9964"/>
              <a:gd name="connsiteY8" fmla="*/ 9920 h 10000"/>
              <a:gd name="connsiteX9" fmla="*/ 2537 w 9964"/>
              <a:gd name="connsiteY9" fmla="*/ 9990 h 10000"/>
              <a:gd name="connsiteX10" fmla="*/ 5 w 9964"/>
              <a:gd name="connsiteY10" fmla="*/ 9919 h 10000"/>
              <a:gd name="connsiteX11" fmla="*/ 2 w 9964"/>
              <a:gd name="connsiteY11" fmla="*/ 6965 h 10000"/>
              <a:gd name="connsiteX0" fmla="*/ 0 w 10018"/>
              <a:gd name="connsiteY0" fmla="*/ 7731 h 10000"/>
              <a:gd name="connsiteX1" fmla="*/ 959 w 10018"/>
              <a:gd name="connsiteY1" fmla="*/ 1280 h 10000"/>
              <a:gd name="connsiteX2" fmla="*/ 2522 w 10018"/>
              <a:gd name="connsiteY2" fmla="*/ 7691 h 10000"/>
              <a:gd name="connsiteX3" fmla="*/ 5515 w 10018"/>
              <a:gd name="connsiteY3" fmla="*/ 2640 h 10000"/>
              <a:gd name="connsiteX4" fmla="*/ 7475 w 10018"/>
              <a:gd name="connsiteY4" fmla="*/ 163 h 10000"/>
              <a:gd name="connsiteX5" fmla="*/ 10016 w 10018"/>
              <a:gd name="connsiteY5" fmla="*/ 6856 h 10000"/>
              <a:gd name="connsiteX6" fmla="*/ 9973 w 10018"/>
              <a:gd name="connsiteY6" fmla="*/ 9812 h 10000"/>
              <a:gd name="connsiteX7" fmla="*/ 7476 w 10018"/>
              <a:gd name="connsiteY7" fmla="*/ 9798 h 10000"/>
              <a:gd name="connsiteX8" fmla="*/ 5020 w 10018"/>
              <a:gd name="connsiteY8" fmla="*/ 9920 h 10000"/>
              <a:gd name="connsiteX9" fmla="*/ 2564 w 10018"/>
              <a:gd name="connsiteY9" fmla="*/ 9990 h 10000"/>
              <a:gd name="connsiteX10" fmla="*/ 23 w 10018"/>
              <a:gd name="connsiteY10" fmla="*/ 9919 h 10000"/>
              <a:gd name="connsiteX11" fmla="*/ 0 w 10018"/>
              <a:gd name="connsiteY11" fmla="*/ 7731 h 10000"/>
              <a:gd name="connsiteX0" fmla="*/ 0 w 10018"/>
              <a:gd name="connsiteY0" fmla="*/ 7731 h 10000"/>
              <a:gd name="connsiteX1" fmla="*/ 959 w 10018"/>
              <a:gd name="connsiteY1" fmla="*/ 1280 h 10000"/>
              <a:gd name="connsiteX2" fmla="*/ 2522 w 10018"/>
              <a:gd name="connsiteY2" fmla="*/ 7691 h 10000"/>
              <a:gd name="connsiteX3" fmla="*/ 5515 w 10018"/>
              <a:gd name="connsiteY3" fmla="*/ 2640 h 10000"/>
              <a:gd name="connsiteX4" fmla="*/ 7475 w 10018"/>
              <a:gd name="connsiteY4" fmla="*/ 163 h 10000"/>
              <a:gd name="connsiteX5" fmla="*/ 10016 w 10018"/>
              <a:gd name="connsiteY5" fmla="*/ 6856 h 10000"/>
              <a:gd name="connsiteX6" fmla="*/ 9973 w 10018"/>
              <a:gd name="connsiteY6" fmla="*/ 9812 h 10000"/>
              <a:gd name="connsiteX7" fmla="*/ 7476 w 10018"/>
              <a:gd name="connsiteY7" fmla="*/ 9798 h 10000"/>
              <a:gd name="connsiteX8" fmla="*/ 5020 w 10018"/>
              <a:gd name="connsiteY8" fmla="*/ 9920 h 10000"/>
              <a:gd name="connsiteX9" fmla="*/ 2564 w 10018"/>
              <a:gd name="connsiteY9" fmla="*/ 9990 h 10000"/>
              <a:gd name="connsiteX10" fmla="*/ 23 w 10018"/>
              <a:gd name="connsiteY10" fmla="*/ 9919 h 10000"/>
              <a:gd name="connsiteX11" fmla="*/ 0 w 10018"/>
              <a:gd name="connsiteY11" fmla="*/ 7731 h 10000"/>
              <a:gd name="connsiteX0" fmla="*/ 0 w 10018"/>
              <a:gd name="connsiteY0" fmla="*/ 8224 h 10000"/>
              <a:gd name="connsiteX1" fmla="*/ 959 w 10018"/>
              <a:gd name="connsiteY1" fmla="*/ 1280 h 10000"/>
              <a:gd name="connsiteX2" fmla="*/ 2522 w 10018"/>
              <a:gd name="connsiteY2" fmla="*/ 7691 h 10000"/>
              <a:gd name="connsiteX3" fmla="*/ 5515 w 10018"/>
              <a:gd name="connsiteY3" fmla="*/ 2640 h 10000"/>
              <a:gd name="connsiteX4" fmla="*/ 7475 w 10018"/>
              <a:gd name="connsiteY4" fmla="*/ 163 h 10000"/>
              <a:gd name="connsiteX5" fmla="*/ 10016 w 10018"/>
              <a:gd name="connsiteY5" fmla="*/ 6856 h 10000"/>
              <a:gd name="connsiteX6" fmla="*/ 9973 w 10018"/>
              <a:gd name="connsiteY6" fmla="*/ 9812 h 10000"/>
              <a:gd name="connsiteX7" fmla="*/ 7476 w 10018"/>
              <a:gd name="connsiteY7" fmla="*/ 9798 h 10000"/>
              <a:gd name="connsiteX8" fmla="*/ 5020 w 10018"/>
              <a:gd name="connsiteY8" fmla="*/ 9920 h 10000"/>
              <a:gd name="connsiteX9" fmla="*/ 2564 w 10018"/>
              <a:gd name="connsiteY9" fmla="*/ 9990 h 10000"/>
              <a:gd name="connsiteX10" fmla="*/ 23 w 10018"/>
              <a:gd name="connsiteY10" fmla="*/ 9919 h 10000"/>
              <a:gd name="connsiteX11" fmla="*/ 0 w 10018"/>
              <a:gd name="connsiteY11" fmla="*/ 8224 h 10000"/>
              <a:gd name="connsiteX0" fmla="*/ 0 w 10018"/>
              <a:gd name="connsiteY0" fmla="*/ 8204 h 9980"/>
              <a:gd name="connsiteX1" fmla="*/ 959 w 10018"/>
              <a:gd name="connsiteY1" fmla="*/ 1260 h 9980"/>
              <a:gd name="connsiteX2" fmla="*/ 3172 w 10018"/>
              <a:gd name="connsiteY2" fmla="*/ 6740 h 9980"/>
              <a:gd name="connsiteX3" fmla="*/ 5515 w 10018"/>
              <a:gd name="connsiteY3" fmla="*/ 2620 h 9980"/>
              <a:gd name="connsiteX4" fmla="*/ 7475 w 10018"/>
              <a:gd name="connsiteY4" fmla="*/ 143 h 9980"/>
              <a:gd name="connsiteX5" fmla="*/ 10016 w 10018"/>
              <a:gd name="connsiteY5" fmla="*/ 6836 h 9980"/>
              <a:gd name="connsiteX6" fmla="*/ 9973 w 10018"/>
              <a:gd name="connsiteY6" fmla="*/ 9792 h 9980"/>
              <a:gd name="connsiteX7" fmla="*/ 7476 w 10018"/>
              <a:gd name="connsiteY7" fmla="*/ 9778 h 9980"/>
              <a:gd name="connsiteX8" fmla="*/ 5020 w 10018"/>
              <a:gd name="connsiteY8" fmla="*/ 9900 h 9980"/>
              <a:gd name="connsiteX9" fmla="*/ 2564 w 10018"/>
              <a:gd name="connsiteY9" fmla="*/ 9970 h 9980"/>
              <a:gd name="connsiteX10" fmla="*/ 23 w 10018"/>
              <a:gd name="connsiteY10" fmla="*/ 9899 h 9980"/>
              <a:gd name="connsiteX11" fmla="*/ 0 w 10018"/>
              <a:gd name="connsiteY11" fmla="*/ 8204 h 998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1263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2525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0 w 10000"/>
              <a:gd name="connsiteY0" fmla="*/ 8220 h 10000"/>
              <a:gd name="connsiteX1" fmla="*/ 957 w 10000"/>
              <a:gd name="connsiteY1" fmla="*/ 3348 h 10000"/>
              <a:gd name="connsiteX2" fmla="*/ 3166 w 10000"/>
              <a:gd name="connsiteY2" fmla="*/ 6754 h 10000"/>
              <a:gd name="connsiteX3" fmla="*/ 5505 w 10000"/>
              <a:gd name="connsiteY3" fmla="*/ 2625 h 10000"/>
              <a:gd name="connsiteX4" fmla="*/ 7462 w 10000"/>
              <a:gd name="connsiteY4" fmla="*/ 143 h 10000"/>
              <a:gd name="connsiteX5" fmla="*/ 9998 w 10000"/>
              <a:gd name="connsiteY5" fmla="*/ 6850 h 10000"/>
              <a:gd name="connsiteX6" fmla="*/ 9955 w 10000"/>
              <a:gd name="connsiteY6" fmla="*/ 9812 h 10000"/>
              <a:gd name="connsiteX7" fmla="*/ 7463 w 10000"/>
              <a:gd name="connsiteY7" fmla="*/ 9798 h 10000"/>
              <a:gd name="connsiteX8" fmla="*/ 5011 w 10000"/>
              <a:gd name="connsiteY8" fmla="*/ 9920 h 10000"/>
              <a:gd name="connsiteX9" fmla="*/ 2559 w 10000"/>
              <a:gd name="connsiteY9" fmla="*/ 9990 h 10000"/>
              <a:gd name="connsiteX10" fmla="*/ 23 w 10000"/>
              <a:gd name="connsiteY10" fmla="*/ 9919 h 10000"/>
              <a:gd name="connsiteX11" fmla="*/ 0 w 10000"/>
              <a:gd name="connsiteY11" fmla="*/ 8220 h 10000"/>
              <a:gd name="connsiteX0" fmla="*/ 39 w 10039"/>
              <a:gd name="connsiteY0" fmla="*/ 8220 h 10035"/>
              <a:gd name="connsiteX1" fmla="*/ 996 w 10039"/>
              <a:gd name="connsiteY1" fmla="*/ 3348 h 10035"/>
              <a:gd name="connsiteX2" fmla="*/ 3205 w 10039"/>
              <a:gd name="connsiteY2" fmla="*/ 6754 h 10035"/>
              <a:gd name="connsiteX3" fmla="*/ 5544 w 10039"/>
              <a:gd name="connsiteY3" fmla="*/ 2625 h 10035"/>
              <a:gd name="connsiteX4" fmla="*/ 7501 w 10039"/>
              <a:gd name="connsiteY4" fmla="*/ 143 h 10035"/>
              <a:gd name="connsiteX5" fmla="*/ 10037 w 10039"/>
              <a:gd name="connsiteY5" fmla="*/ 6850 h 10035"/>
              <a:gd name="connsiteX6" fmla="*/ 9994 w 10039"/>
              <a:gd name="connsiteY6" fmla="*/ 9812 h 10035"/>
              <a:gd name="connsiteX7" fmla="*/ 7502 w 10039"/>
              <a:gd name="connsiteY7" fmla="*/ 9798 h 10035"/>
              <a:gd name="connsiteX8" fmla="*/ 5050 w 10039"/>
              <a:gd name="connsiteY8" fmla="*/ 9920 h 10035"/>
              <a:gd name="connsiteX9" fmla="*/ 2598 w 10039"/>
              <a:gd name="connsiteY9" fmla="*/ 9990 h 10035"/>
              <a:gd name="connsiteX10" fmla="*/ 1 w 10039"/>
              <a:gd name="connsiteY10" fmla="*/ 9978 h 10035"/>
              <a:gd name="connsiteX11" fmla="*/ 39 w 10039"/>
              <a:gd name="connsiteY11" fmla="*/ 8220 h 10035"/>
              <a:gd name="connsiteX0" fmla="*/ 39 w 10039"/>
              <a:gd name="connsiteY0" fmla="*/ 8220 h 10035"/>
              <a:gd name="connsiteX1" fmla="*/ 996 w 10039"/>
              <a:gd name="connsiteY1" fmla="*/ 3348 h 10035"/>
              <a:gd name="connsiteX2" fmla="*/ 3205 w 10039"/>
              <a:gd name="connsiteY2" fmla="*/ 6754 h 10035"/>
              <a:gd name="connsiteX3" fmla="*/ 5544 w 10039"/>
              <a:gd name="connsiteY3" fmla="*/ 2625 h 10035"/>
              <a:gd name="connsiteX4" fmla="*/ 7984 w 10039"/>
              <a:gd name="connsiteY4" fmla="*/ 143 h 10035"/>
              <a:gd name="connsiteX5" fmla="*/ 10037 w 10039"/>
              <a:gd name="connsiteY5" fmla="*/ 6850 h 10035"/>
              <a:gd name="connsiteX6" fmla="*/ 9994 w 10039"/>
              <a:gd name="connsiteY6" fmla="*/ 9812 h 10035"/>
              <a:gd name="connsiteX7" fmla="*/ 7502 w 10039"/>
              <a:gd name="connsiteY7" fmla="*/ 9798 h 10035"/>
              <a:gd name="connsiteX8" fmla="*/ 5050 w 10039"/>
              <a:gd name="connsiteY8" fmla="*/ 9920 h 10035"/>
              <a:gd name="connsiteX9" fmla="*/ 2598 w 10039"/>
              <a:gd name="connsiteY9" fmla="*/ 9990 h 10035"/>
              <a:gd name="connsiteX10" fmla="*/ 1 w 10039"/>
              <a:gd name="connsiteY10" fmla="*/ 9978 h 10035"/>
              <a:gd name="connsiteX11" fmla="*/ 39 w 10039"/>
              <a:gd name="connsiteY11" fmla="*/ 8220 h 10035"/>
              <a:gd name="connsiteX0" fmla="*/ 39 w 10039"/>
              <a:gd name="connsiteY0" fmla="*/ 8078 h 9893"/>
              <a:gd name="connsiteX1" fmla="*/ 996 w 10039"/>
              <a:gd name="connsiteY1" fmla="*/ 3206 h 9893"/>
              <a:gd name="connsiteX2" fmla="*/ 3205 w 10039"/>
              <a:gd name="connsiteY2" fmla="*/ 6612 h 9893"/>
              <a:gd name="connsiteX3" fmla="*/ 5544 w 10039"/>
              <a:gd name="connsiteY3" fmla="*/ 2483 h 9893"/>
              <a:gd name="connsiteX4" fmla="*/ 7984 w 10039"/>
              <a:gd name="connsiteY4" fmla="*/ 1 h 9893"/>
              <a:gd name="connsiteX5" fmla="*/ 10037 w 10039"/>
              <a:gd name="connsiteY5" fmla="*/ 6708 h 9893"/>
              <a:gd name="connsiteX6" fmla="*/ 9994 w 10039"/>
              <a:gd name="connsiteY6" fmla="*/ 9670 h 9893"/>
              <a:gd name="connsiteX7" fmla="*/ 7502 w 10039"/>
              <a:gd name="connsiteY7" fmla="*/ 9656 h 9893"/>
              <a:gd name="connsiteX8" fmla="*/ 5050 w 10039"/>
              <a:gd name="connsiteY8" fmla="*/ 9778 h 9893"/>
              <a:gd name="connsiteX9" fmla="*/ 2598 w 10039"/>
              <a:gd name="connsiteY9" fmla="*/ 9848 h 9893"/>
              <a:gd name="connsiteX10" fmla="*/ 1 w 10039"/>
              <a:gd name="connsiteY10" fmla="*/ 9836 h 9893"/>
              <a:gd name="connsiteX11" fmla="*/ 39 w 10039"/>
              <a:gd name="connsiteY11" fmla="*/ 8078 h 9893"/>
              <a:gd name="connsiteX0" fmla="*/ 39 w 10000"/>
              <a:gd name="connsiteY0" fmla="*/ 8165 h 10000"/>
              <a:gd name="connsiteX1" fmla="*/ 992 w 10000"/>
              <a:gd name="connsiteY1" fmla="*/ 3241 h 10000"/>
              <a:gd name="connsiteX2" fmla="*/ 3193 w 10000"/>
              <a:gd name="connsiteY2" fmla="*/ 6684 h 10000"/>
              <a:gd name="connsiteX3" fmla="*/ 5522 w 10000"/>
              <a:gd name="connsiteY3" fmla="*/ 2510 h 10000"/>
              <a:gd name="connsiteX4" fmla="*/ 7953 w 10000"/>
              <a:gd name="connsiteY4" fmla="*/ 1 h 10000"/>
              <a:gd name="connsiteX5" fmla="*/ 9998 w 10000"/>
              <a:gd name="connsiteY5" fmla="*/ 6781 h 10000"/>
              <a:gd name="connsiteX6" fmla="*/ 9955 w 10000"/>
              <a:gd name="connsiteY6" fmla="*/ 9775 h 10000"/>
              <a:gd name="connsiteX7" fmla="*/ 7473 w 10000"/>
              <a:gd name="connsiteY7" fmla="*/ 9760 h 10000"/>
              <a:gd name="connsiteX8" fmla="*/ 5030 w 10000"/>
              <a:gd name="connsiteY8" fmla="*/ 9884 h 10000"/>
              <a:gd name="connsiteX9" fmla="*/ 2588 w 10000"/>
              <a:gd name="connsiteY9" fmla="*/ 9955 h 10000"/>
              <a:gd name="connsiteX10" fmla="*/ 1 w 10000"/>
              <a:gd name="connsiteY10" fmla="*/ 9942 h 10000"/>
              <a:gd name="connsiteX11" fmla="*/ 39 w 10000"/>
              <a:gd name="connsiteY11" fmla="*/ 8165 h 10000"/>
              <a:gd name="connsiteX0" fmla="*/ 39 w 10000"/>
              <a:gd name="connsiteY0" fmla="*/ 8165 h 10075"/>
              <a:gd name="connsiteX1" fmla="*/ 992 w 10000"/>
              <a:gd name="connsiteY1" fmla="*/ 3241 h 10075"/>
              <a:gd name="connsiteX2" fmla="*/ 3193 w 10000"/>
              <a:gd name="connsiteY2" fmla="*/ 6684 h 10075"/>
              <a:gd name="connsiteX3" fmla="*/ 5522 w 10000"/>
              <a:gd name="connsiteY3" fmla="*/ 2510 h 10075"/>
              <a:gd name="connsiteX4" fmla="*/ 7953 w 10000"/>
              <a:gd name="connsiteY4" fmla="*/ 1 h 10075"/>
              <a:gd name="connsiteX5" fmla="*/ 9998 w 10000"/>
              <a:gd name="connsiteY5" fmla="*/ 6781 h 10075"/>
              <a:gd name="connsiteX6" fmla="*/ 9955 w 10000"/>
              <a:gd name="connsiteY6" fmla="*/ 10075 h 10075"/>
              <a:gd name="connsiteX7" fmla="*/ 7473 w 10000"/>
              <a:gd name="connsiteY7" fmla="*/ 9760 h 10075"/>
              <a:gd name="connsiteX8" fmla="*/ 5030 w 10000"/>
              <a:gd name="connsiteY8" fmla="*/ 9884 h 10075"/>
              <a:gd name="connsiteX9" fmla="*/ 2588 w 10000"/>
              <a:gd name="connsiteY9" fmla="*/ 9955 h 10075"/>
              <a:gd name="connsiteX10" fmla="*/ 1 w 10000"/>
              <a:gd name="connsiteY10" fmla="*/ 9942 h 10075"/>
              <a:gd name="connsiteX11" fmla="*/ 39 w 10000"/>
              <a:gd name="connsiteY11" fmla="*/ 8165 h 100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0000" h="10075">
                <a:moveTo>
                  <a:pt x="39" y="8165"/>
                </a:moveTo>
                <a:cubicBezTo>
                  <a:pt x="143" y="7152"/>
                  <a:pt x="351" y="3266"/>
                  <a:pt x="992" y="3241"/>
                </a:cubicBezTo>
                <a:cubicBezTo>
                  <a:pt x="1716" y="3326"/>
                  <a:pt x="2437" y="6806"/>
                  <a:pt x="3193" y="6684"/>
                </a:cubicBezTo>
                <a:cubicBezTo>
                  <a:pt x="3948" y="6561"/>
                  <a:pt x="4751" y="3984"/>
                  <a:pt x="5522" y="2510"/>
                </a:cubicBezTo>
                <a:cubicBezTo>
                  <a:pt x="6293" y="1036"/>
                  <a:pt x="7059" y="9"/>
                  <a:pt x="7953" y="1"/>
                </a:cubicBezTo>
                <a:cubicBezTo>
                  <a:pt x="8846" y="-7"/>
                  <a:pt x="9998" y="6160"/>
                  <a:pt x="9998" y="6781"/>
                </a:cubicBezTo>
                <a:cubicBezTo>
                  <a:pt x="9984" y="7889"/>
                  <a:pt x="10033" y="9741"/>
                  <a:pt x="9955" y="10075"/>
                </a:cubicBezTo>
                <a:cubicBezTo>
                  <a:pt x="10062" y="9732"/>
                  <a:pt x="8294" y="9792"/>
                  <a:pt x="7473" y="9760"/>
                </a:cubicBezTo>
                <a:cubicBezTo>
                  <a:pt x="6652" y="9728"/>
                  <a:pt x="5845" y="9852"/>
                  <a:pt x="5030" y="9884"/>
                </a:cubicBezTo>
                <a:cubicBezTo>
                  <a:pt x="4216" y="9916"/>
                  <a:pt x="3961" y="9955"/>
                  <a:pt x="2588" y="9955"/>
                </a:cubicBezTo>
                <a:cubicBezTo>
                  <a:pt x="1216" y="9955"/>
                  <a:pt x="22" y="10065"/>
                  <a:pt x="1" y="9942"/>
                </a:cubicBezTo>
                <a:cubicBezTo>
                  <a:pt x="-13" y="6912"/>
                  <a:pt x="53" y="10310"/>
                  <a:pt x="39" y="8165"/>
                </a:cubicBezTo>
                <a:close/>
              </a:path>
            </a:pathLst>
          </a:custGeom>
          <a:solidFill>
            <a:schemeClr val="accent1">
              <a:lumMod val="20000"/>
              <a:lumOff val="80000"/>
              <a:alpha val="31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22" name="Rounded Rectangle 21"/>
          <p:cNvSpPr/>
          <p:nvPr/>
        </p:nvSpPr>
        <p:spPr>
          <a:xfrm>
            <a:off x="7768877" y="4164044"/>
            <a:ext cx="576064" cy="325839"/>
          </a:xfrm>
          <a:prstGeom prst="roundRect">
            <a:avLst/>
          </a:prstGeom>
          <a:noFill/>
          <a:ln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93362" y="0"/>
            <a:ext cx="8709248" cy="1143000"/>
          </a:xfrm>
        </p:spPr>
        <p:txBody>
          <a:bodyPr>
            <a:normAutofit fontScale="90000"/>
          </a:bodyPr>
          <a:lstStyle/>
          <a:p>
            <a:r>
              <a:rPr lang="en-SG" dirty="0" smtClean="0"/>
              <a:t>Optimal Timeline for Program Evaluation</a:t>
            </a:r>
            <a:endParaRPr lang="en-SG" dirty="0"/>
          </a:p>
        </p:txBody>
      </p:sp>
      <p:grpSp>
        <p:nvGrpSpPr>
          <p:cNvPr id="3" name="Group 2"/>
          <p:cNvGrpSpPr/>
          <p:nvPr/>
        </p:nvGrpSpPr>
        <p:grpSpPr>
          <a:xfrm>
            <a:off x="-12049" y="4177589"/>
            <a:ext cx="9014659" cy="2188391"/>
            <a:chOff x="-86683" y="2960949"/>
            <a:chExt cx="9014659" cy="2188391"/>
          </a:xfrm>
        </p:grpSpPr>
        <p:sp>
          <p:nvSpPr>
            <p:cNvPr id="4" name="Rounded Rectangle 3"/>
            <p:cNvSpPr/>
            <p:nvPr/>
          </p:nvSpPr>
          <p:spPr>
            <a:xfrm>
              <a:off x="628328" y="2960949"/>
              <a:ext cx="7109398" cy="328586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grpSp>
          <p:nvGrpSpPr>
            <p:cNvPr id="16" name="Group 15"/>
            <p:cNvGrpSpPr/>
            <p:nvPr/>
          </p:nvGrpSpPr>
          <p:grpSpPr>
            <a:xfrm>
              <a:off x="628328" y="3102669"/>
              <a:ext cx="152400" cy="964113"/>
              <a:chOff x="5857900" y="4794250"/>
              <a:chExt cx="152400" cy="714419"/>
            </a:xfrm>
          </p:grpSpPr>
          <p:cxnSp>
            <p:nvCxnSpPr>
              <p:cNvPr id="8" name="Straight Connector 7"/>
              <p:cNvCxnSpPr/>
              <p:nvPr>
                <p:custDataLst>
                  <p:tags r:id="rId15"/>
                </p:custDataLst>
              </p:nvPr>
            </p:nvCxnSpPr>
            <p:spPr>
              <a:xfrm>
                <a:off x="5934100" y="4972050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" name="Teardrop 8"/>
              <p:cNvSpPr/>
              <p:nvPr>
                <p:custDataLst>
                  <p:tags r:id="rId16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17" name="TextBox 16"/>
            <p:cNvSpPr txBox="1"/>
            <p:nvPr/>
          </p:nvSpPr>
          <p:spPr>
            <a:xfrm>
              <a:off x="-86683" y="3983306"/>
              <a:ext cx="234662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Conception of New Program</a:t>
              </a:r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2781908" y="4137217"/>
              <a:ext cx="1872208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Implementation of Program</a:t>
              </a:r>
              <a:endParaRPr lang="en-SG" dirty="0"/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6804248" y="4133677"/>
              <a:ext cx="2123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SG" dirty="0" smtClean="0"/>
                <a:t>Evaluate Outcome</a:t>
              </a:r>
              <a:endParaRPr lang="en-SG" dirty="0"/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6651848" y="3141318"/>
              <a:ext cx="152400" cy="1638688"/>
              <a:chOff x="5857900" y="4794250"/>
              <a:chExt cx="152400" cy="1214287"/>
            </a:xfrm>
          </p:grpSpPr>
          <p:cxnSp>
            <p:nvCxnSpPr>
              <p:cNvPr id="25" name="Straight Connector 24"/>
              <p:cNvCxnSpPr/>
              <p:nvPr>
                <p:custDataLst>
                  <p:tags r:id="rId13"/>
                </p:custDataLst>
              </p:nvPr>
            </p:nvCxnSpPr>
            <p:spPr>
              <a:xfrm>
                <a:off x="5934100" y="4972050"/>
                <a:ext cx="0" cy="1036487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" name="Teardrop 25"/>
              <p:cNvSpPr/>
              <p:nvPr>
                <p:custDataLst>
                  <p:tags r:id="rId14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27" name="Group 26"/>
            <p:cNvGrpSpPr/>
            <p:nvPr/>
          </p:nvGrpSpPr>
          <p:grpSpPr>
            <a:xfrm>
              <a:off x="7517510" y="3147425"/>
              <a:ext cx="152400" cy="964113"/>
              <a:chOff x="5517906" y="4827415"/>
              <a:chExt cx="152400" cy="714419"/>
            </a:xfrm>
          </p:grpSpPr>
          <p:cxnSp>
            <p:nvCxnSpPr>
              <p:cNvPr id="28" name="Straight Connector 27"/>
              <p:cNvCxnSpPr/>
              <p:nvPr>
                <p:custDataLst>
                  <p:tags r:id="rId11"/>
                </p:custDataLst>
              </p:nvPr>
            </p:nvCxnSpPr>
            <p:spPr>
              <a:xfrm>
                <a:off x="5594106" y="5005215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9" name="Teardrop 28"/>
              <p:cNvSpPr/>
              <p:nvPr>
                <p:custDataLst>
                  <p:tags r:id="rId12"/>
                </p:custDataLst>
              </p:nvPr>
            </p:nvSpPr>
            <p:spPr>
              <a:xfrm>
                <a:off x="5517906" y="4827415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31" name="TextBox 30"/>
            <p:cNvSpPr txBox="1"/>
            <p:nvPr/>
          </p:nvSpPr>
          <p:spPr>
            <a:xfrm>
              <a:off x="5280748" y="4780008"/>
              <a:ext cx="2585364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Post-test Data Collection</a:t>
              </a:r>
              <a:endParaRPr lang="en-SG" dirty="0"/>
            </a:p>
          </p:txBody>
        </p:sp>
      </p:grpSp>
      <p:sp>
        <p:nvSpPr>
          <p:cNvPr id="57" name="Rectangle 56"/>
          <p:cNvSpPr/>
          <p:nvPr/>
        </p:nvSpPr>
        <p:spPr>
          <a:xfrm>
            <a:off x="1335472" y="4191944"/>
            <a:ext cx="2380973" cy="309073"/>
          </a:xfrm>
          <a:prstGeom prst="rect">
            <a:avLst/>
          </a:prstGeom>
          <a:solidFill>
            <a:srgbClr val="FFFF00"/>
          </a:solidFill>
          <a:ln/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grpSp>
        <p:nvGrpSpPr>
          <p:cNvPr id="21" name="Group 20"/>
          <p:cNvGrpSpPr/>
          <p:nvPr/>
        </p:nvGrpSpPr>
        <p:grpSpPr>
          <a:xfrm>
            <a:off x="72691" y="2212382"/>
            <a:ext cx="3173602" cy="2056998"/>
            <a:chOff x="72691" y="2212382"/>
            <a:chExt cx="3173602" cy="2056998"/>
          </a:xfrm>
        </p:grpSpPr>
        <p:sp>
          <p:nvSpPr>
            <p:cNvPr id="47" name="TextBox 46"/>
            <p:cNvSpPr txBox="1"/>
            <p:nvPr/>
          </p:nvSpPr>
          <p:spPr>
            <a:xfrm>
              <a:off x="72691" y="2212382"/>
              <a:ext cx="3173602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SG" dirty="0" smtClean="0"/>
            </a:p>
            <a:p>
              <a:pPr algn="ctr"/>
              <a:r>
                <a:rPr lang="en-SG" dirty="0" smtClean="0"/>
                <a:t>Develop evaluation strategy</a:t>
              </a:r>
              <a:endParaRPr lang="en-SG" dirty="0"/>
            </a:p>
          </p:txBody>
        </p:sp>
        <p:grpSp>
          <p:nvGrpSpPr>
            <p:cNvPr id="11" name="Group 10"/>
            <p:cNvGrpSpPr/>
            <p:nvPr/>
          </p:nvGrpSpPr>
          <p:grpSpPr>
            <a:xfrm>
              <a:off x="1659492" y="2771294"/>
              <a:ext cx="189384" cy="1498086"/>
              <a:chOff x="1264274" y="2828877"/>
              <a:chExt cx="189384" cy="1498086"/>
            </a:xfrm>
          </p:grpSpPr>
          <p:cxnSp>
            <p:nvCxnSpPr>
              <p:cNvPr id="43" name="Straight Connector 42"/>
              <p:cNvCxnSpPr/>
              <p:nvPr>
                <p:custDataLst>
                  <p:tags r:id="rId9"/>
                </p:custDataLst>
              </p:nvPr>
            </p:nvCxnSpPr>
            <p:spPr>
              <a:xfrm flipH="1" flipV="1">
                <a:off x="1358965" y="2828877"/>
                <a:ext cx="1" cy="1318875"/>
              </a:xfrm>
              <a:prstGeom prst="line">
                <a:avLst/>
              </a:prstGeom>
              <a:solidFill>
                <a:schemeClr val="accent5">
                  <a:lumMod val="75000"/>
                </a:schemeClr>
              </a:solidFill>
              <a:ln w="12700" cap="flat" cmpd="sng" algn="ctr">
                <a:solidFill>
                  <a:schemeClr val="accent3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53" name="Teardrop 52"/>
              <p:cNvSpPr/>
              <p:nvPr>
                <p:custDataLst>
                  <p:tags r:id="rId10"/>
                </p:custDataLst>
              </p:nvPr>
            </p:nvSpPr>
            <p:spPr>
              <a:xfrm flipV="1">
                <a:off x="1264274" y="4112736"/>
                <a:ext cx="189384" cy="214227"/>
              </a:xfrm>
              <a:prstGeom prst="teardrop">
                <a:avLst/>
              </a:prstGeom>
              <a:solidFill>
                <a:schemeClr val="accent3"/>
              </a:solidFill>
              <a:ln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grpSp>
        <p:nvGrpSpPr>
          <p:cNvPr id="58" name="Group 57"/>
          <p:cNvGrpSpPr/>
          <p:nvPr/>
        </p:nvGrpSpPr>
        <p:grpSpPr>
          <a:xfrm>
            <a:off x="3640246" y="4386204"/>
            <a:ext cx="152400" cy="964113"/>
            <a:chOff x="5857900" y="4794250"/>
            <a:chExt cx="152400" cy="714419"/>
          </a:xfrm>
        </p:grpSpPr>
        <p:cxnSp>
          <p:nvCxnSpPr>
            <p:cNvPr id="59" name="Straight Connector 58"/>
            <p:cNvCxnSpPr/>
            <p:nvPr>
              <p:custDataLst>
                <p:tags r:id="rId7"/>
              </p:custDataLst>
            </p:nvPr>
          </p:nvCxnSpPr>
          <p:spPr>
            <a:xfrm>
              <a:off x="5934100" y="4972050"/>
              <a:ext cx="0" cy="536619"/>
            </a:xfrm>
            <a:prstGeom prst="line">
              <a:avLst/>
            </a:prstGeom>
            <a:ln w="12700" cap="flat" cmpd="sng" algn="ctr">
              <a:solidFill>
                <a:schemeClr val="accent2">
                  <a:alpha val="3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0" name="Teardrop 59"/>
            <p:cNvSpPr/>
            <p:nvPr>
              <p:custDataLst>
                <p:tags r:id="rId8"/>
              </p:custDataLst>
            </p:nvPr>
          </p:nvSpPr>
          <p:spPr>
            <a:xfrm>
              <a:off x="5857900" y="4794250"/>
              <a:ext cx="152400" cy="177800"/>
            </a:xfrm>
            <a:prstGeom prst="teardrop">
              <a:avLst/>
            </a:prstGeom>
            <a:solidFill>
              <a:schemeClr val="accent2"/>
            </a:solidFill>
            <a:ln w="12700" cap="flat" cmpd="sng" algn="ctr">
              <a:noFill/>
              <a:prstDash val="solid"/>
              <a:miter lim="800000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30" name="Group 29"/>
          <p:cNvGrpSpPr/>
          <p:nvPr/>
        </p:nvGrpSpPr>
        <p:grpSpPr>
          <a:xfrm>
            <a:off x="1337780" y="1702549"/>
            <a:ext cx="2664296" cy="2566831"/>
            <a:chOff x="1337780" y="1702549"/>
            <a:chExt cx="2664296" cy="2566831"/>
          </a:xfrm>
        </p:grpSpPr>
        <p:sp>
          <p:nvSpPr>
            <p:cNvPr id="52" name="TextBox 51"/>
            <p:cNvSpPr txBox="1"/>
            <p:nvPr/>
          </p:nvSpPr>
          <p:spPr>
            <a:xfrm>
              <a:off x="1337780" y="1702549"/>
              <a:ext cx="266429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Develop strategy for program implementation</a:t>
              </a:r>
              <a:endParaRPr lang="en-SG" dirty="0"/>
            </a:p>
          </p:txBody>
        </p:sp>
        <p:grpSp>
          <p:nvGrpSpPr>
            <p:cNvPr id="12" name="Group 11"/>
            <p:cNvGrpSpPr/>
            <p:nvPr/>
          </p:nvGrpSpPr>
          <p:grpSpPr>
            <a:xfrm>
              <a:off x="2068509" y="2363396"/>
              <a:ext cx="189384" cy="1905984"/>
              <a:chOff x="2761850" y="2348880"/>
              <a:chExt cx="189384" cy="1905984"/>
            </a:xfrm>
          </p:grpSpPr>
          <p:cxnSp>
            <p:nvCxnSpPr>
              <p:cNvPr id="61" name="Straight Connector 60"/>
              <p:cNvCxnSpPr/>
              <p:nvPr>
                <p:custDataLst>
                  <p:tags r:id="rId5"/>
                </p:custDataLst>
              </p:nvPr>
            </p:nvCxnSpPr>
            <p:spPr>
              <a:xfrm flipH="1" flipV="1">
                <a:off x="2856543" y="2348880"/>
                <a:ext cx="1" cy="1798872"/>
              </a:xfrm>
              <a:prstGeom prst="line">
                <a:avLst/>
              </a:prstGeom>
              <a:solidFill>
                <a:schemeClr val="accent5">
                  <a:lumMod val="75000"/>
                </a:schemeClr>
              </a:solidFill>
              <a:ln w="12700" cap="flat" cmpd="sng" algn="ctr">
                <a:solidFill>
                  <a:schemeClr val="accent3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62" name="Teardrop 61"/>
              <p:cNvSpPr/>
              <p:nvPr>
                <p:custDataLst>
                  <p:tags r:id="rId6"/>
                </p:custDataLst>
              </p:nvPr>
            </p:nvSpPr>
            <p:spPr>
              <a:xfrm flipV="1">
                <a:off x="2761850" y="4040637"/>
                <a:ext cx="189384" cy="214227"/>
              </a:xfrm>
              <a:prstGeom prst="teardrop">
                <a:avLst/>
              </a:prstGeom>
              <a:solidFill>
                <a:schemeClr val="accent3"/>
              </a:solidFill>
              <a:ln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grpSp>
        <p:nvGrpSpPr>
          <p:cNvPr id="33" name="Group 32"/>
          <p:cNvGrpSpPr/>
          <p:nvPr/>
        </p:nvGrpSpPr>
        <p:grpSpPr>
          <a:xfrm>
            <a:off x="858009" y="980728"/>
            <a:ext cx="2858437" cy="592996"/>
            <a:chOff x="858009" y="980728"/>
            <a:chExt cx="2858437" cy="592996"/>
          </a:xfrm>
        </p:grpSpPr>
        <p:sp>
          <p:nvSpPr>
            <p:cNvPr id="63" name="TextBox 62"/>
            <p:cNvSpPr txBox="1"/>
            <p:nvPr/>
          </p:nvSpPr>
          <p:spPr>
            <a:xfrm>
              <a:off x="858009" y="980728"/>
              <a:ext cx="2610384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SG" b="1" dirty="0" smtClean="0">
                  <a:solidFill>
                    <a:schemeClr val="accent3"/>
                  </a:solidFill>
                </a:rPr>
                <a:t>Research Design Window</a:t>
              </a:r>
              <a:endParaRPr lang="en-SG" b="1" dirty="0">
                <a:solidFill>
                  <a:schemeClr val="accent3"/>
                </a:solidFill>
              </a:endParaRPr>
            </a:p>
          </p:txBody>
        </p:sp>
        <p:sp>
          <p:nvSpPr>
            <p:cNvPr id="64" name="Left Brace 63"/>
            <p:cNvSpPr/>
            <p:nvPr/>
          </p:nvSpPr>
          <p:spPr>
            <a:xfrm rot="5400000">
              <a:off x="2414127" y="271405"/>
              <a:ext cx="223664" cy="2380974"/>
            </a:xfrm>
            <a:prstGeom prst="leftBrace">
              <a:avLst/>
            </a:prstGeom>
            <a:ln>
              <a:solidFill>
                <a:schemeClr val="accent3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  <p:grpSp>
        <p:nvGrpSpPr>
          <p:cNvPr id="71" name="Group 70"/>
          <p:cNvGrpSpPr/>
          <p:nvPr/>
        </p:nvGrpSpPr>
        <p:grpSpPr>
          <a:xfrm>
            <a:off x="3842899" y="1573724"/>
            <a:ext cx="4298344" cy="1323439"/>
            <a:chOff x="3098763" y="2286311"/>
            <a:chExt cx="4298344" cy="1323439"/>
          </a:xfrm>
          <a:solidFill>
            <a:schemeClr val="accent4">
              <a:lumMod val="20000"/>
              <a:lumOff val="80000"/>
            </a:schemeClr>
          </a:solidFill>
        </p:grpSpPr>
        <p:sp>
          <p:nvSpPr>
            <p:cNvPr id="72" name="TextBox 71"/>
            <p:cNvSpPr txBox="1"/>
            <p:nvPr/>
          </p:nvSpPr>
          <p:spPr>
            <a:xfrm>
              <a:off x="3468393" y="2286311"/>
              <a:ext cx="3928714" cy="1323439"/>
            </a:xfrm>
            <a:prstGeom prst="rect">
              <a:avLst/>
            </a:prstGeom>
            <a:grp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sz="1600" dirty="0" smtClean="0"/>
                <a:t>Determine assignment methodology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sz="1600" dirty="0" smtClean="0"/>
                <a:t>Develop program manual 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sz="1600" dirty="0" smtClean="0"/>
                <a:t>Identify and train program staff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sz="1600" dirty="0" smtClean="0"/>
                <a:t>Develop schedule for monitoring and process evaluation </a:t>
              </a:r>
            </a:p>
          </p:txBody>
        </p:sp>
        <p:sp>
          <p:nvSpPr>
            <p:cNvPr id="73" name="Right Arrow 72"/>
            <p:cNvSpPr/>
            <p:nvPr/>
          </p:nvSpPr>
          <p:spPr>
            <a:xfrm>
              <a:off x="3098763" y="2586991"/>
              <a:ext cx="295059" cy="173373"/>
            </a:xfrm>
            <a:prstGeom prst="rightArrow">
              <a:avLst/>
            </a:prstGeom>
            <a:grpFill/>
            <a:ln>
              <a:solidFill>
                <a:schemeClr val="accent4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 sz="1600"/>
            </a:p>
          </p:txBody>
        </p:sp>
      </p:grpSp>
      <p:grpSp>
        <p:nvGrpSpPr>
          <p:cNvPr id="32" name="Group 31"/>
          <p:cNvGrpSpPr/>
          <p:nvPr/>
        </p:nvGrpSpPr>
        <p:grpSpPr>
          <a:xfrm>
            <a:off x="1143004" y="4323785"/>
            <a:ext cx="3173602" cy="2294283"/>
            <a:chOff x="1143004" y="4323785"/>
            <a:chExt cx="3173602" cy="2294283"/>
          </a:xfrm>
        </p:grpSpPr>
        <p:grpSp>
          <p:nvGrpSpPr>
            <p:cNvPr id="77" name="Group 76"/>
            <p:cNvGrpSpPr/>
            <p:nvPr/>
          </p:nvGrpSpPr>
          <p:grpSpPr>
            <a:xfrm>
              <a:off x="2411760" y="4323785"/>
              <a:ext cx="189384" cy="1971117"/>
              <a:chOff x="2411760" y="4323785"/>
              <a:chExt cx="189384" cy="1971117"/>
            </a:xfrm>
          </p:grpSpPr>
          <p:cxnSp>
            <p:nvCxnSpPr>
              <p:cNvPr id="74" name="Straight Connector 73"/>
              <p:cNvCxnSpPr/>
              <p:nvPr>
                <p:custDataLst>
                  <p:tags r:id="rId3"/>
                </p:custDataLst>
              </p:nvPr>
            </p:nvCxnSpPr>
            <p:spPr>
              <a:xfrm flipV="1">
                <a:off x="2483768" y="4341926"/>
                <a:ext cx="1" cy="1952976"/>
              </a:xfrm>
              <a:prstGeom prst="line">
                <a:avLst/>
              </a:prstGeom>
              <a:solidFill>
                <a:schemeClr val="accent5">
                  <a:lumMod val="75000"/>
                </a:schemeClr>
              </a:solidFill>
              <a:ln w="12700" cap="flat" cmpd="sng" algn="ctr">
                <a:solidFill>
                  <a:schemeClr val="accent3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75" name="Teardrop 74"/>
              <p:cNvSpPr/>
              <p:nvPr>
                <p:custDataLst>
                  <p:tags r:id="rId4"/>
                </p:custDataLst>
              </p:nvPr>
            </p:nvSpPr>
            <p:spPr>
              <a:xfrm>
                <a:off x="2411760" y="4323785"/>
                <a:ext cx="189384" cy="214227"/>
              </a:xfrm>
              <a:prstGeom prst="teardrop">
                <a:avLst/>
              </a:prstGeom>
              <a:solidFill>
                <a:schemeClr val="accent3"/>
              </a:solidFill>
              <a:ln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76" name="TextBox 75"/>
            <p:cNvSpPr txBox="1"/>
            <p:nvPr/>
          </p:nvSpPr>
          <p:spPr>
            <a:xfrm>
              <a:off x="1143004" y="5971737"/>
              <a:ext cx="3173602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endParaRPr lang="en-SG" dirty="0" smtClean="0"/>
            </a:p>
            <a:p>
              <a:pPr algn="ctr"/>
              <a:r>
                <a:rPr lang="en-SG" dirty="0" smtClean="0"/>
                <a:t>Pre-test Data Collection </a:t>
              </a:r>
              <a:endParaRPr lang="en-SG" dirty="0"/>
            </a:p>
          </p:txBody>
        </p:sp>
      </p:grpSp>
      <p:grpSp>
        <p:nvGrpSpPr>
          <p:cNvPr id="10" name="Group 9"/>
          <p:cNvGrpSpPr/>
          <p:nvPr/>
        </p:nvGrpSpPr>
        <p:grpSpPr>
          <a:xfrm>
            <a:off x="7557998" y="3352070"/>
            <a:ext cx="1551856" cy="690958"/>
            <a:chOff x="7557998" y="3352070"/>
            <a:chExt cx="1551856" cy="690958"/>
          </a:xfrm>
        </p:grpSpPr>
        <p:sp>
          <p:nvSpPr>
            <p:cNvPr id="5" name="TextBox 4"/>
            <p:cNvSpPr txBox="1"/>
            <p:nvPr/>
          </p:nvSpPr>
          <p:spPr>
            <a:xfrm>
              <a:off x="7557998" y="3352070"/>
              <a:ext cx="1551856" cy="369332"/>
            </a:xfrm>
            <a:prstGeom prst="rect">
              <a:avLst/>
            </a:prstGeom>
            <a:solidFill>
              <a:schemeClr val="accent6">
                <a:lumMod val="40000"/>
                <a:lumOff val="60000"/>
              </a:schemeClr>
            </a:solidFill>
          </p:spPr>
          <p:txBody>
            <a:bodyPr wrap="square" rtlCol="0">
              <a:spAutoFit/>
            </a:bodyPr>
            <a:lstStyle/>
            <a:p>
              <a:r>
                <a:rPr lang="en-SG" dirty="0" smtClean="0"/>
                <a:t>Time savings!</a:t>
              </a:r>
              <a:endParaRPr lang="en-SG" dirty="0"/>
            </a:p>
          </p:txBody>
        </p:sp>
        <p:cxnSp>
          <p:nvCxnSpPr>
            <p:cNvPr id="7" name="Straight Arrow Connector 6"/>
            <p:cNvCxnSpPr/>
            <p:nvPr/>
          </p:nvCxnSpPr>
          <p:spPr>
            <a:xfrm flipH="1">
              <a:off x="8186480" y="3652041"/>
              <a:ext cx="203698" cy="390987"/>
            </a:xfrm>
            <a:prstGeom prst="straightConnector1">
              <a:avLst/>
            </a:prstGeom>
            <a:ln>
              <a:tailEnd type="arrow"/>
            </a:ln>
          </p:spPr>
          <p:style>
            <a:lnRef idx="1">
              <a:schemeClr val="accent3"/>
            </a:lnRef>
            <a:fillRef idx="0">
              <a:schemeClr val="accent3"/>
            </a:fillRef>
            <a:effectRef idx="0">
              <a:schemeClr val="accent3"/>
            </a:effectRef>
            <a:fontRef idx="minor">
              <a:schemeClr val="tx1"/>
            </a:fontRef>
          </p:style>
        </p:cxnSp>
      </p:grpSp>
      <p:grpSp>
        <p:nvGrpSpPr>
          <p:cNvPr id="15" name="Group 14"/>
          <p:cNvGrpSpPr/>
          <p:nvPr/>
        </p:nvGrpSpPr>
        <p:grpSpPr>
          <a:xfrm>
            <a:off x="72691" y="3130173"/>
            <a:ext cx="2525564" cy="1125485"/>
            <a:chOff x="72691" y="3130173"/>
            <a:chExt cx="2525564" cy="1125485"/>
          </a:xfrm>
        </p:grpSpPr>
        <p:sp>
          <p:nvSpPr>
            <p:cNvPr id="23" name="TextBox 22"/>
            <p:cNvSpPr txBox="1"/>
            <p:nvPr/>
          </p:nvSpPr>
          <p:spPr>
            <a:xfrm>
              <a:off x="72691" y="3130173"/>
              <a:ext cx="2525564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Look for researchers for program evaluation</a:t>
              </a:r>
              <a:endParaRPr lang="en-SG" dirty="0"/>
            </a:p>
          </p:txBody>
        </p:sp>
        <p:grpSp>
          <p:nvGrpSpPr>
            <p:cNvPr id="44" name="Group 43"/>
            <p:cNvGrpSpPr/>
            <p:nvPr/>
          </p:nvGrpSpPr>
          <p:grpSpPr>
            <a:xfrm flipV="1">
              <a:off x="1240781" y="3736527"/>
              <a:ext cx="189384" cy="519131"/>
              <a:chOff x="2848093" y="4794252"/>
              <a:chExt cx="152400" cy="517215"/>
            </a:xfrm>
            <a:solidFill>
              <a:schemeClr val="accent5">
                <a:lumMod val="75000"/>
              </a:schemeClr>
            </a:solidFill>
          </p:grpSpPr>
          <p:sp>
            <p:nvSpPr>
              <p:cNvPr id="45" name="Teardrop 44"/>
              <p:cNvSpPr/>
              <p:nvPr>
                <p:custDataLst>
                  <p:tags r:id="rId1"/>
                </p:custDataLst>
              </p:nvPr>
            </p:nvSpPr>
            <p:spPr>
              <a:xfrm>
                <a:off x="2848093" y="4794252"/>
                <a:ext cx="152400" cy="177801"/>
              </a:xfrm>
              <a:prstGeom prst="teardrop">
                <a:avLst/>
              </a:prstGeom>
              <a:solidFill>
                <a:schemeClr val="accent3"/>
              </a:solidFill>
              <a:ln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46" name="Straight Connector 45"/>
              <p:cNvCxnSpPr/>
              <p:nvPr>
                <p:custDataLst>
                  <p:tags r:id="rId2"/>
                </p:custDataLst>
              </p:nvPr>
            </p:nvCxnSpPr>
            <p:spPr>
              <a:xfrm flipH="1">
                <a:off x="2924293" y="4883149"/>
                <a:ext cx="6" cy="428318"/>
              </a:xfrm>
              <a:prstGeom prst="line">
                <a:avLst/>
              </a:prstGeom>
              <a:grpFill/>
              <a:ln w="12700" cap="flat" cmpd="sng" algn="ctr">
                <a:solidFill>
                  <a:schemeClr val="accent3">
                    <a:alpha val="5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66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203017" y="6465992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39133860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1520" y="274638"/>
            <a:ext cx="8676456" cy="1143000"/>
          </a:xfrm>
        </p:spPr>
        <p:txBody>
          <a:bodyPr>
            <a:normAutofit/>
          </a:bodyPr>
          <a:lstStyle/>
          <a:p>
            <a:r>
              <a:rPr lang="en-SG" dirty="0" smtClean="0"/>
              <a:t>What are we missing out?</a:t>
            </a:r>
            <a:endParaRPr lang="en-SG" dirty="0"/>
          </a:p>
        </p:txBody>
      </p:sp>
      <p:grpSp>
        <p:nvGrpSpPr>
          <p:cNvPr id="51" name="Group 50"/>
          <p:cNvGrpSpPr/>
          <p:nvPr/>
        </p:nvGrpSpPr>
        <p:grpSpPr>
          <a:xfrm>
            <a:off x="78666" y="3520134"/>
            <a:ext cx="9031125" cy="2175853"/>
            <a:chOff x="78666" y="2973487"/>
            <a:chExt cx="9031125" cy="2175853"/>
          </a:xfrm>
        </p:grpSpPr>
        <p:sp>
          <p:nvSpPr>
            <p:cNvPr id="4" name="Rounded Rectangle 3"/>
            <p:cNvSpPr/>
            <p:nvPr/>
          </p:nvSpPr>
          <p:spPr>
            <a:xfrm>
              <a:off x="628328" y="2973487"/>
              <a:ext cx="7976120" cy="310892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grpSp>
          <p:nvGrpSpPr>
            <p:cNvPr id="16" name="Group 15"/>
            <p:cNvGrpSpPr/>
            <p:nvPr/>
          </p:nvGrpSpPr>
          <p:grpSpPr>
            <a:xfrm>
              <a:off x="628328" y="3102669"/>
              <a:ext cx="152400" cy="964113"/>
              <a:chOff x="5857900" y="4794250"/>
              <a:chExt cx="152400" cy="714419"/>
            </a:xfrm>
          </p:grpSpPr>
          <p:cxnSp>
            <p:nvCxnSpPr>
              <p:cNvPr id="8" name="Straight Connector 7"/>
              <p:cNvCxnSpPr/>
              <p:nvPr>
                <p:custDataLst>
                  <p:tags r:id="rId9"/>
                </p:custDataLst>
              </p:nvPr>
            </p:nvCxnSpPr>
            <p:spPr>
              <a:xfrm>
                <a:off x="5934100" y="4972050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" name="Teardrop 8"/>
              <p:cNvSpPr/>
              <p:nvPr>
                <p:custDataLst>
                  <p:tags r:id="rId10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18" name="TextBox 17"/>
            <p:cNvSpPr txBox="1"/>
            <p:nvPr/>
          </p:nvSpPr>
          <p:spPr>
            <a:xfrm>
              <a:off x="2781908" y="4137217"/>
              <a:ext cx="1872208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Implementation of Program</a:t>
              </a:r>
              <a:endParaRPr lang="en-SG" dirty="0"/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6986063" y="4091050"/>
              <a:ext cx="2123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SG" dirty="0" smtClean="0"/>
                <a:t>Evaluate Outcome</a:t>
              </a:r>
              <a:endParaRPr lang="en-SG" dirty="0"/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6651848" y="3141318"/>
              <a:ext cx="152400" cy="1638688"/>
              <a:chOff x="5857900" y="4794250"/>
              <a:chExt cx="152400" cy="1214287"/>
            </a:xfrm>
          </p:grpSpPr>
          <p:cxnSp>
            <p:nvCxnSpPr>
              <p:cNvPr id="25" name="Straight Connector 24"/>
              <p:cNvCxnSpPr/>
              <p:nvPr>
                <p:custDataLst>
                  <p:tags r:id="rId7"/>
                </p:custDataLst>
              </p:nvPr>
            </p:nvCxnSpPr>
            <p:spPr>
              <a:xfrm>
                <a:off x="5934100" y="4972050"/>
                <a:ext cx="0" cy="1036487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" name="Teardrop 25"/>
              <p:cNvSpPr/>
              <p:nvPr>
                <p:custDataLst>
                  <p:tags r:id="rId8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27" name="Group 26"/>
            <p:cNvGrpSpPr/>
            <p:nvPr/>
          </p:nvGrpSpPr>
          <p:grpSpPr>
            <a:xfrm>
              <a:off x="8312464" y="3164408"/>
              <a:ext cx="152400" cy="964113"/>
              <a:chOff x="6312860" y="4839999"/>
              <a:chExt cx="152400" cy="714419"/>
            </a:xfrm>
          </p:grpSpPr>
          <p:cxnSp>
            <p:nvCxnSpPr>
              <p:cNvPr id="28" name="Straight Connector 27"/>
              <p:cNvCxnSpPr/>
              <p:nvPr>
                <p:custDataLst>
                  <p:tags r:id="rId5"/>
                </p:custDataLst>
              </p:nvPr>
            </p:nvCxnSpPr>
            <p:spPr>
              <a:xfrm>
                <a:off x="6389060" y="5017799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9" name="Teardrop 28"/>
              <p:cNvSpPr/>
              <p:nvPr>
                <p:custDataLst>
                  <p:tags r:id="rId6"/>
                </p:custDataLst>
              </p:nvPr>
            </p:nvSpPr>
            <p:spPr>
              <a:xfrm>
                <a:off x="6312860" y="4839999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31" name="TextBox 30"/>
            <p:cNvSpPr txBox="1"/>
            <p:nvPr/>
          </p:nvSpPr>
          <p:spPr>
            <a:xfrm>
              <a:off x="5742384" y="4780008"/>
              <a:ext cx="2123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Data Collection</a:t>
              </a:r>
              <a:endParaRPr lang="en-SG" dirty="0"/>
            </a:p>
          </p:txBody>
        </p:sp>
        <p:sp>
          <p:nvSpPr>
            <p:cNvPr id="41" name="TextBox 40"/>
            <p:cNvSpPr txBox="1"/>
            <p:nvPr/>
          </p:nvSpPr>
          <p:spPr>
            <a:xfrm>
              <a:off x="78666" y="4066782"/>
              <a:ext cx="2496002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dirty="0" smtClean="0"/>
                <a:t>Conception of New Program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endParaRPr lang="en-SG" dirty="0" smtClean="0"/>
            </a:p>
          </p:txBody>
        </p:sp>
        <p:cxnSp>
          <p:nvCxnSpPr>
            <p:cNvPr id="33" name="Straight Connector 32"/>
            <p:cNvCxnSpPr/>
            <p:nvPr>
              <p:custDataLst>
                <p:tags r:id="rId4"/>
              </p:custDataLst>
            </p:nvPr>
          </p:nvCxnSpPr>
          <p:spPr>
            <a:xfrm>
              <a:off x="3383204" y="3404350"/>
              <a:ext cx="0" cy="724171"/>
            </a:xfrm>
            <a:prstGeom prst="line">
              <a:avLst/>
            </a:prstGeom>
            <a:ln w="12700" cap="flat" cmpd="sng" algn="ctr">
              <a:solidFill>
                <a:schemeClr val="accent2">
                  <a:alpha val="3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4" name="Teardrop 53"/>
          <p:cNvSpPr/>
          <p:nvPr>
            <p:custDataLst>
              <p:tags r:id="rId1"/>
            </p:custDataLst>
          </p:nvPr>
        </p:nvSpPr>
        <p:spPr>
          <a:xfrm>
            <a:off x="3307004" y="3711055"/>
            <a:ext cx="152400" cy="239942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4" name="Group 13"/>
          <p:cNvGrpSpPr/>
          <p:nvPr/>
        </p:nvGrpSpPr>
        <p:grpSpPr>
          <a:xfrm>
            <a:off x="1512162" y="1699591"/>
            <a:ext cx="6768116" cy="2110922"/>
            <a:chOff x="1512162" y="1699591"/>
            <a:chExt cx="6768116" cy="2110922"/>
          </a:xfrm>
        </p:grpSpPr>
        <p:grpSp>
          <p:nvGrpSpPr>
            <p:cNvPr id="60" name="Group 59"/>
            <p:cNvGrpSpPr/>
            <p:nvPr/>
          </p:nvGrpSpPr>
          <p:grpSpPr>
            <a:xfrm>
              <a:off x="1512162" y="1699591"/>
              <a:ext cx="3100034" cy="2110922"/>
              <a:chOff x="1512162" y="1699591"/>
              <a:chExt cx="3100034" cy="2110922"/>
            </a:xfrm>
          </p:grpSpPr>
          <p:sp>
            <p:nvSpPr>
              <p:cNvPr id="48" name="Rectangle 47"/>
              <p:cNvSpPr/>
              <p:nvPr/>
            </p:nvSpPr>
            <p:spPr>
              <a:xfrm>
                <a:off x="2910880" y="3515296"/>
                <a:ext cx="472324" cy="295217"/>
              </a:xfrm>
              <a:prstGeom prst="rect">
                <a:avLst/>
              </a:prstGeom>
              <a:solidFill>
                <a:srgbClr val="FFFF00"/>
              </a:solidFill>
              <a:ln/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49" name="Left Brace 48"/>
              <p:cNvSpPr/>
              <p:nvPr/>
            </p:nvSpPr>
            <p:spPr>
              <a:xfrm rot="5400000">
                <a:off x="3015072" y="2973596"/>
                <a:ext cx="223664" cy="432048"/>
              </a:xfrm>
              <a:prstGeom prst="leftBrace">
                <a:avLst/>
              </a:prstGeom>
              <a:ln>
                <a:solidFill>
                  <a:schemeClr val="accent3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50" name="TextBox 49"/>
              <p:cNvSpPr txBox="1"/>
              <p:nvPr/>
            </p:nvSpPr>
            <p:spPr>
              <a:xfrm>
                <a:off x="2001812" y="2640174"/>
                <a:ext cx="2610384" cy="64633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SG" b="1" dirty="0" smtClean="0">
                    <a:solidFill>
                      <a:schemeClr val="accent3"/>
                    </a:solidFill>
                  </a:rPr>
                  <a:t>Small Research Design Window</a:t>
                </a:r>
                <a:endParaRPr lang="en-SG" b="1" dirty="0">
                  <a:solidFill>
                    <a:schemeClr val="accent3"/>
                  </a:solidFill>
                </a:endParaRPr>
              </a:p>
            </p:txBody>
          </p:sp>
          <p:grpSp>
            <p:nvGrpSpPr>
              <p:cNvPr id="53" name="Group 52"/>
              <p:cNvGrpSpPr/>
              <p:nvPr/>
            </p:nvGrpSpPr>
            <p:grpSpPr>
              <a:xfrm>
                <a:off x="1512162" y="1699591"/>
                <a:ext cx="2610384" cy="1941903"/>
                <a:chOff x="1512162" y="1699591"/>
                <a:chExt cx="2610384" cy="1941903"/>
              </a:xfrm>
            </p:grpSpPr>
            <p:sp>
              <p:nvSpPr>
                <p:cNvPr id="23" name="TextBox 22"/>
                <p:cNvSpPr txBox="1"/>
                <p:nvPr/>
              </p:nvSpPr>
              <p:spPr>
                <a:xfrm>
                  <a:off x="1512162" y="1699591"/>
                  <a:ext cx="2610384" cy="646331"/>
                </a:xfrm>
                <a:prstGeom prst="rect">
                  <a:avLst/>
                </a:prstGeom>
                <a:solidFill>
                  <a:schemeClr val="accent6">
                    <a:lumMod val="20000"/>
                    <a:lumOff val="80000"/>
                  </a:schemeClr>
                </a:solidFill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en-SG" dirty="0" smtClean="0"/>
                    <a:t>Look for researchers for program evaluation</a:t>
                  </a:r>
                  <a:endParaRPr lang="en-SG" dirty="0"/>
                </a:p>
              </p:txBody>
            </p:sp>
            <p:grpSp>
              <p:nvGrpSpPr>
                <p:cNvPr id="5" name="Group 4"/>
                <p:cNvGrpSpPr/>
                <p:nvPr/>
              </p:nvGrpSpPr>
              <p:grpSpPr>
                <a:xfrm flipH="1">
                  <a:off x="2781908" y="2345922"/>
                  <a:ext cx="189384" cy="1295572"/>
                  <a:chOff x="3287421" y="4652120"/>
                  <a:chExt cx="152400" cy="1002865"/>
                </a:xfrm>
                <a:solidFill>
                  <a:schemeClr val="accent5">
                    <a:lumMod val="75000"/>
                  </a:schemeClr>
                </a:solidFill>
              </p:grpSpPr>
              <p:cxnSp>
                <p:nvCxnSpPr>
                  <p:cNvPr id="6" name="Straight Connector 5"/>
                  <p:cNvCxnSpPr/>
                  <p:nvPr>
                    <p:custDataLst>
                      <p:tags r:id="rId2"/>
                    </p:custDataLst>
                  </p:nvPr>
                </p:nvCxnSpPr>
                <p:spPr>
                  <a:xfrm>
                    <a:off x="3358553" y="4652120"/>
                    <a:ext cx="0" cy="894612"/>
                  </a:xfrm>
                  <a:prstGeom prst="line">
                    <a:avLst/>
                  </a:prstGeom>
                  <a:grpFill/>
                  <a:ln w="12700" cap="flat" cmpd="sng" algn="ctr">
                    <a:solidFill>
                      <a:schemeClr val="accent3">
                        <a:alpha val="50000"/>
                      </a:schemeClr>
                    </a:solidFill>
                    <a:prstDash val="solid"/>
                    <a:miter lim="800000"/>
                    <a:headEnd type="none" w="med" len="med"/>
                    <a:tailEnd type="none" w="med" len="med"/>
                  </a:ln>
                  <a:effectLst>
                    <a:outerShdw blurRad="63500">
                      <a:scrgbClr r="0" g="0" b="0">
                        <a:alpha val="50000"/>
                      </a:scrgbClr>
                    </a:outerShdw>
                  </a:effectLst>
                </p:spPr>
                <p:style>
                  <a:lnRef idx="1">
                    <a:schemeClr val="accent1"/>
                  </a:lnRef>
                  <a:fillRef idx="0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tx1"/>
                  </a:fontRef>
                </p:style>
              </p:cxnSp>
              <p:sp>
                <p:nvSpPr>
                  <p:cNvPr id="7" name="Teardrop 6"/>
                  <p:cNvSpPr/>
                  <p:nvPr>
                    <p:custDataLst>
                      <p:tags r:id="rId3"/>
                    </p:custDataLst>
                  </p:nvPr>
                </p:nvSpPr>
                <p:spPr>
                  <a:xfrm>
                    <a:off x="3287421" y="5477185"/>
                    <a:ext cx="152400" cy="177800"/>
                  </a:xfrm>
                  <a:prstGeom prst="teardrop">
                    <a:avLst/>
                  </a:prstGeom>
                  <a:solidFill>
                    <a:schemeClr val="accent3"/>
                  </a:solidFill>
                  <a:ln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:ln>
                  <a:effectLst>
                    <a:outerShdw blurRad="63500">
                      <a:scrgbClr r="0" g="0" b="0">
                        <a:alpha val="50000"/>
                      </a:scrgbClr>
                    </a:outerShdw>
                  </a:effectLst>
                  <a:scene3d>
                    <a:camera prst="orthographicFront"/>
                    <a:lightRig rig="threePt" dir="t"/>
                  </a:scene3d>
                  <a:sp3d>
                    <a:bevelT h="12700"/>
                  </a:sp3d>
                  <a:extLst/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/>
                  </a:p>
                </p:txBody>
              </p:sp>
            </p:grpSp>
          </p:grpSp>
        </p:grpSp>
        <p:grpSp>
          <p:nvGrpSpPr>
            <p:cNvPr id="13" name="Group 12"/>
            <p:cNvGrpSpPr/>
            <p:nvPr/>
          </p:nvGrpSpPr>
          <p:grpSpPr>
            <a:xfrm>
              <a:off x="4276641" y="1890977"/>
              <a:ext cx="4003637" cy="1323439"/>
              <a:chOff x="4276641" y="1890977"/>
              <a:chExt cx="4003637" cy="1323439"/>
            </a:xfrm>
          </p:grpSpPr>
          <p:sp>
            <p:nvSpPr>
              <p:cNvPr id="11" name="TextBox 10"/>
              <p:cNvSpPr txBox="1"/>
              <p:nvPr/>
            </p:nvSpPr>
            <p:spPr>
              <a:xfrm>
                <a:off x="4580009" y="1890977"/>
                <a:ext cx="3700269" cy="1323439"/>
              </a:xfrm>
              <a:prstGeom prst="rect">
                <a:avLst/>
              </a:prstGeom>
              <a:solidFill>
                <a:schemeClr val="bg2">
                  <a:lumMod val="20000"/>
                  <a:lumOff val="80000"/>
                </a:schemeClr>
              </a:solidFill>
            </p:spPr>
            <p:txBody>
              <a:bodyPr wrap="square" rtlCol="0">
                <a:sp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SG" sz="1600" dirty="0" smtClean="0"/>
                  <a:t>Evaluation dimensions may be limited 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SG" sz="1600" dirty="0" smtClean="0"/>
                  <a:t>Insufficient time for pre-test data collection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SG" sz="1600" dirty="0" smtClean="0"/>
                  <a:t>Insights from evaluation may be limited</a:t>
                </a:r>
                <a:endParaRPr lang="en-SG" sz="1600" dirty="0"/>
              </a:p>
            </p:txBody>
          </p:sp>
          <p:sp>
            <p:nvSpPr>
              <p:cNvPr id="12" name="Right Arrow 11"/>
              <p:cNvSpPr/>
              <p:nvPr/>
            </p:nvSpPr>
            <p:spPr>
              <a:xfrm>
                <a:off x="4276641" y="2846780"/>
                <a:ext cx="260412" cy="154005"/>
              </a:xfrm>
              <a:prstGeom prst="rightArrow">
                <a:avLst/>
              </a:prstGeom>
              <a:solidFill>
                <a:schemeClr val="bg2">
                  <a:lumMod val="20000"/>
                  <a:lumOff val="80000"/>
                </a:schemeClr>
              </a:solidFill>
              <a:ln>
                <a:solidFill>
                  <a:schemeClr val="bg2">
                    <a:lumMod val="50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</p:grpSp>
      <p:sp>
        <p:nvSpPr>
          <p:cNvPr id="3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26904" y="6461397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19894553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1" name="Group 50"/>
          <p:cNvGrpSpPr/>
          <p:nvPr/>
        </p:nvGrpSpPr>
        <p:grpSpPr>
          <a:xfrm>
            <a:off x="78666" y="3520134"/>
            <a:ext cx="9031125" cy="2175853"/>
            <a:chOff x="78666" y="2973487"/>
            <a:chExt cx="9031125" cy="2175853"/>
          </a:xfrm>
        </p:grpSpPr>
        <p:sp>
          <p:nvSpPr>
            <p:cNvPr id="4" name="Rounded Rectangle 3"/>
            <p:cNvSpPr/>
            <p:nvPr/>
          </p:nvSpPr>
          <p:spPr>
            <a:xfrm>
              <a:off x="628328" y="2973487"/>
              <a:ext cx="7976120" cy="310892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grpSp>
          <p:nvGrpSpPr>
            <p:cNvPr id="16" name="Group 15"/>
            <p:cNvGrpSpPr/>
            <p:nvPr/>
          </p:nvGrpSpPr>
          <p:grpSpPr>
            <a:xfrm>
              <a:off x="628328" y="3102669"/>
              <a:ext cx="152400" cy="964113"/>
              <a:chOff x="5857900" y="4794250"/>
              <a:chExt cx="152400" cy="714419"/>
            </a:xfrm>
          </p:grpSpPr>
          <p:cxnSp>
            <p:nvCxnSpPr>
              <p:cNvPr id="8" name="Straight Connector 7"/>
              <p:cNvCxnSpPr/>
              <p:nvPr>
                <p:custDataLst>
                  <p:tags r:id="rId9"/>
                </p:custDataLst>
              </p:nvPr>
            </p:nvCxnSpPr>
            <p:spPr>
              <a:xfrm>
                <a:off x="5934100" y="4972050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" name="Teardrop 8"/>
              <p:cNvSpPr/>
              <p:nvPr>
                <p:custDataLst>
                  <p:tags r:id="rId10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18" name="TextBox 17"/>
            <p:cNvSpPr txBox="1"/>
            <p:nvPr/>
          </p:nvSpPr>
          <p:spPr>
            <a:xfrm>
              <a:off x="2781908" y="4137217"/>
              <a:ext cx="1872208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Implementation of Program</a:t>
              </a:r>
              <a:endParaRPr lang="en-SG" dirty="0"/>
            </a:p>
          </p:txBody>
        </p:sp>
        <p:sp>
          <p:nvSpPr>
            <p:cNvPr id="19" name="TextBox 18"/>
            <p:cNvSpPr txBox="1"/>
            <p:nvPr/>
          </p:nvSpPr>
          <p:spPr>
            <a:xfrm>
              <a:off x="6986063" y="4091050"/>
              <a:ext cx="2123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/>
              <a:r>
                <a:rPr lang="en-SG" dirty="0" smtClean="0"/>
                <a:t>Evaluate Outcome</a:t>
              </a:r>
              <a:endParaRPr lang="en-SG" dirty="0"/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6651848" y="3141318"/>
              <a:ext cx="152400" cy="1638688"/>
              <a:chOff x="5857900" y="4794250"/>
              <a:chExt cx="152400" cy="1214287"/>
            </a:xfrm>
          </p:grpSpPr>
          <p:cxnSp>
            <p:nvCxnSpPr>
              <p:cNvPr id="25" name="Straight Connector 24"/>
              <p:cNvCxnSpPr/>
              <p:nvPr>
                <p:custDataLst>
                  <p:tags r:id="rId7"/>
                </p:custDataLst>
              </p:nvPr>
            </p:nvCxnSpPr>
            <p:spPr>
              <a:xfrm>
                <a:off x="5934100" y="4972050"/>
                <a:ext cx="0" cy="1036487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" name="Teardrop 25"/>
              <p:cNvSpPr/>
              <p:nvPr>
                <p:custDataLst>
                  <p:tags r:id="rId8"/>
                </p:custDataLst>
              </p:nvPr>
            </p:nvSpPr>
            <p:spPr>
              <a:xfrm>
                <a:off x="5857900" y="4794250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grpSp>
          <p:nvGrpSpPr>
            <p:cNvPr id="27" name="Group 26"/>
            <p:cNvGrpSpPr/>
            <p:nvPr/>
          </p:nvGrpSpPr>
          <p:grpSpPr>
            <a:xfrm>
              <a:off x="8312464" y="3164408"/>
              <a:ext cx="152400" cy="964113"/>
              <a:chOff x="6312860" y="4839999"/>
              <a:chExt cx="152400" cy="714419"/>
            </a:xfrm>
          </p:grpSpPr>
          <p:cxnSp>
            <p:nvCxnSpPr>
              <p:cNvPr id="28" name="Straight Connector 27"/>
              <p:cNvCxnSpPr/>
              <p:nvPr>
                <p:custDataLst>
                  <p:tags r:id="rId5"/>
                </p:custDataLst>
              </p:nvPr>
            </p:nvCxnSpPr>
            <p:spPr>
              <a:xfrm>
                <a:off x="6389060" y="5017799"/>
                <a:ext cx="0" cy="536619"/>
              </a:xfrm>
              <a:prstGeom prst="line">
                <a:avLst/>
              </a:prstGeom>
              <a:ln w="12700" cap="flat" cmpd="sng" algn="ctr">
                <a:solidFill>
                  <a:schemeClr val="accent2">
                    <a:alpha val="35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9" name="Teardrop 28"/>
              <p:cNvSpPr/>
              <p:nvPr>
                <p:custDataLst>
                  <p:tags r:id="rId6"/>
                </p:custDataLst>
              </p:nvPr>
            </p:nvSpPr>
            <p:spPr>
              <a:xfrm>
                <a:off x="6312860" y="4839999"/>
                <a:ext cx="152400" cy="177800"/>
              </a:xfrm>
              <a:prstGeom prst="teardrop">
                <a:avLst/>
              </a:prstGeom>
              <a:solidFill>
                <a:schemeClr val="accent2"/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 blurRad="63500"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sp>
          <p:nvSpPr>
            <p:cNvPr id="31" name="TextBox 30"/>
            <p:cNvSpPr txBox="1"/>
            <p:nvPr/>
          </p:nvSpPr>
          <p:spPr>
            <a:xfrm>
              <a:off x="5742384" y="4780008"/>
              <a:ext cx="212372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SG" dirty="0" smtClean="0"/>
                <a:t>Data Collection</a:t>
              </a:r>
              <a:endParaRPr lang="en-SG" dirty="0"/>
            </a:p>
          </p:txBody>
        </p:sp>
        <p:sp>
          <p:nvSpPr>
            <p:cNvPr id="41" name="TextBox 40"/>
            <p:cNvSpPr txBox="1"/>
            <p:nvPr/>
          </p:nvSpPr>
          <p:spPr>
            <a:xfrm>
              <a:off x="78666" y="4066782"/>
              <a:ext cx="2496002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dirty="0" smtClean="0"/>
                <a:t>Conception of New Program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endParaRPr lang="en-SG" dirty="0" smtClean="0"/>
            </a:p>
          </p:txBody>
        </p:sp>
        <p:cxnSp>
          <p:nvCxnSpPr>
            <p:cNvPr id="33" name="Straight Connector 32"/>
            <p:cNvCxnSpPr/>
            <p:nvPr>
              <p:custDataLst>
                <p:tags r:id="rId4"/>
              </p:custDataLst>
            </p:nvPr>
          </p:nvCxnSpPr>
          <p:spPr>
            <a:xfrm>
              <a:off x="3383204" y="3404350"/>
              <a:ext cx="0" cy="724171"/>
            </a:xfrm>
            <a:prstGeom prst="line">
              <a:avLst/>
            </a:prstGeom>
            <a:ln w="12700" cap="flat" cmpd="sng" algn="ctr">
              <a:solidFill>
                <a:schemeClr val="accent2">
                  <a:alpha val="35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4" name="Teardrop 53"/>
          <p:cNvSpPr/>
          <p:nvPr>
            <p:custDataLst>
              <p:tags r:id="rId1"/>
            </p:custDataLst>
          </p:nvPr>
        </p:nvSpPr>
        <p:spPr>
          <a:xfrm>
            <a:off x="3307004" y="3711055"/>
            <a:ext cx="152400" cy="239942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5" name="Group 14"/>
          <p:cNvGrpSpPr/>
          <p:nvPr/>
        </p:nvGrpSpPr>
        <p:grpSpPr>
          <a:xfrm>
            <a:off x="780728" y="1556792"/>
            <a:ext cx="7531736" cy="2092524"/>
            <a:chOff x="780728" y="1556792"/>
            <a:chExt cx="7531736" cy="2092524"/>
          </a:xfrm>
        </p:grpSpPr>
        <p:grpSp>
          <p:nvGrpSpPr>
            <p:cNvPr id="55" name="Group 54"/>
            <p:cNvGrpSpPr/>
            <p:nvPr/>
          </p:nvGrpSpPr>
          <p:grpSpPr>
            <a:xfrm>
              <a:off x="5702080" y="1707413"/>
              <a:ext cx="2610384" cy="1941903"/>
              <a:chOff x="1512162" y="1699591"/>
              <a:chExt cx="2610384" cy="1941903"/>
            </a:xfrm>
          </p:grpSpPr>
          <p:sp>
            <p:nvSpPr>
              <p:cNvPr id="56" name="TextBox 55"/>
              <p:cNvSpPr txBox="1"/>
              <p:nvPr/>
            </p:nvSpPr>
            <p:spPr>
              <a:xfrm>
                <a:off x="1512162" y="1699591"/>
                <a:ext cx="2610384" cy="646331"/>
              </a:xfrm>
              <a:prstGeom prst="rect">
                <a:avLst/>
              </a:prstGeom>
              <a:solidFill>
                <a:schemeClr val="accent6">
                  <a:lumMod val="20000"/>
                  <a:lumOff val="80000"/>
                </a:schemeClr>
              </a:solidFill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dirty="0" smtClean="0"/>
                  <a:t>Look for researchers for program evaluation</a:t>
                </a:r>
                <a:endParaRPr lang="en-SG" dirty="0"/>
              </a:p>
            </p:txBody>
          </p:sp>
          <p:grpSp>
            <p:nvGrpSpPr>
              <p:cNvPr id="57" name="Group 56"/>
              <p:cNvGrpSpPr/>
              <p:nvPr/>
            </p:nvGrpSpPr>
            <p:grpSpPr>
              <a:xfrm flipH="1">
                <a:off x="2781908" y="2345922"/>
                <a:ext cx="189384" cy="1295572"/>
                <a:chOff x="3287421" y="4652120"/>
                <a:chExt cx="152400" cy="1002865"/>
              </a:xfrm>
              <a:solidFill>
                <a:schemeClr val="accent5">
                  <a:lumMod val="75000"/>
                </a:schemeClr>
              </a:solidFill>
            </p:grpSpPr>
            <p:cxnSp>
              <p:nvCxnSpPr>
                <p:cNvPr id="58" name="Straight Connector 57"/>
                <p:cNvCxnSpPr/>
                <p:nvPr>
                  <p:custDataLst>
                    <p:tags r:id="rId2"/>
                  </p:custDataLst>
                </p:nvPr>
              </p:nvCxnSpPr>
              <p:spPr>
                <a:xfrm>
                  <a:off x="3358553" y="4652120"/>
                  <a:ext cx="0" cy="894612"/>
                </a:xfrm>
                <a:prstGeom prst="line">
                  <a:avLst/>
                </a:prstGeom>
                <a:grpFill/>
                <a:ln w="12700" cap="flat" cmpd="sng" algn="ctr">
                  <a:solidFill>
                    <a:schemeClr val="accent3">
                      <a:alpha val="50000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  <a:effectLst>
                  <a:outerShdw blurRad="63500">
                    <a:scrgbClr r="0" g="0" b="0">
                      <a:alpha val="50000"/>
                    </a:scrgbClr>
                  </a:outerShdw>
                </a:effectLst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59" name="Teardrop 58"/>
                <p:cNvSpPr/>
                <p:nvPr>
                  <p:custDataLst>
                    <p:tags r:id="rId3"/>
                  </p:custDataLst>
                </p:nvPr>
              </p:nvSpPr>
              <p:spPr>
                <a:xfrm>
                  <a:off x="3287421" y="5477185"/>
                  <a:ext cx="152400" cy="177800"/>
                </a:xfrm>
                <a:prstGeom prst="teardrop">
                  <a:avLst/>
                </a:prstGeom>
                <a:solidFill>
                  <a:schemeClr val="accent3"/>
                </a:solidFill>
                <a:ln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:ln>
                <a:effectLst>
                  <a:outerShdw blurRad="63500">
                    <a:scrgbClr r="0" g="0" b="0">
                      <a:alpha val="50000"/>
                    </a:scrgbClr>
                  </a:outerShdw>
                </a:effectLst>
                <a:scene3d>
                  <a:camera prst="orthographicFront"/>
                  <a:lightRig rig="threePt" dir="t"/>
                </a:scene3d>
                <a:sp3d>
                  <a:bevelT h="12700"/>
                </a:sp3d>
                <a:extLst/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/>
                </a:p>
              </p:txBody>
            </p:sp>
          </p:grpSp>
        </p:grpSp>
        <p:sp>
          <p:nvSpPr>
            <p:cNvPr id="3" name="TextBox 2"/>
            <p:cNvSpPr txBox="1"/>
            <p:nvPr/>
          </p:nvSpPr>
          <p:spPr>
            <a:xfrm>
              <a:off x="780728" y="1556792"/>
              <a:ext cx="4439344" cy="1754326"/>
            </a:xfrm>
            <a:prstGeom prst="rect">
              <a:avLst/>
            </a:prstGeom>
            <a:solidFill>
              <a:srgbClr val="FFFFCC"/>
            </a:solidFill>
          </p:spPr>
          <p:txBody>
            <a:bodyPr wrap="square" rtlCol="0">
              <a:spAutoFit/>
            </a:bodyPr>
            <a:lstStyle/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dirty="0" smtClean="0"/>
                <a:t>Employ data analytics 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dirty="0" smtClean="0"/>
                <a:t>Appropriate measures are not always present -&gt; resort to proxies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dirty="0" smtClean="0"/>
                <a:t>Limited insights due to incomplete assignment strategy</a:t>
              </a:r>
            </a:p>
            <a:p>
              <a:pPr marL="285750" indent="-285750">
                <a:buFont typeface="Arial" panose="020B0604020202020204" pitchFamily="34" charset="0"/>
                <a:buChar char="•"/>
              </a:pPr>
              <a:r>
                <a:rPr lang="en-SG" dirty="0" smtClean="0"/>
                <a:t>Rigorous evaluation may not be possible</a:t>
              </a:r>
            </a:p>
          </p:txBody>
        </p:sp>
        <p:sp>
          <p:nvSpPr>
            <p:cNvPr id="10" name="Right Arrow 9"/>
            <p:cNvSpPr/>
            <p:nvPr/>
          </p:nvSpPr>
          <p:spPr>
            <a:xfrm flipH="1">
              <a:off x="5292080" y="2030578"/>
              <a:ext cx="301988" cy="161583"/>
            </a:xfrm>
            <a:prstGeom prst="rightArrow">
              <a:avLst/>
            </a:prstGeom>
            <a:solidFill>
              <a:srgbClr val="FFFFCC"/>
            </a:solidFill>
            <a:ln>
              <a:solidFill>
                <a:srgbClr val="F3F67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  <p:sp>
        <p:nvSpPr>
          <p:cNvPr id="42" name="Title 1"/>
          <p:cNvSpPr txBox="1">
            <a:spLocks/>
          </p:cNvSpPr>
          <p:nvPr/>
        </p:nvSpPr>
        <p:spPr>
          <a:xfrm>
            <a:off x="361082" y="332656"/>
            <a:ext cx="867645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SG" dirty="0" smtClean="0"/>
              <a:t>What are we missing out?</a:t>
            </a:r>
            <a:endParaRPr lang="en-SG" dirty="0"/>
          </a:p>
        </p:txBody>
      </p:sp>
      <p:sp>
        <p:nvSpPr>
          <p:cNvPr id="30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68588" y="6492875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20835578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Group 14"/>
          <p:cNvGrpSpPr/>
          <p:nvPr/>
        </p:nvGrpSpPr>
        <p:grpSpPr>
          <a:xfrm>
            <a:off x="729058" y="4077072"/>
            <a:ext cx="1185304" cy="2024005"/>
            <a:chOff x="2889372" y="1535594"/>
            <a:chExt cx="1185304" cy="2024005"/>
          </a:xfrm>
        </p:grpSpPr>
        <p:sp>
          <p:nvSpPr>
            <p:cNvPr id="14" name="Freeform 13"/>
            <p:cNvSpPr/>
            <p:nvPr/>
          </p:nvSpPr>
          <p:spPr>
            <a:xfrm>
              <a:off x="2889372" y="2646511"/>
              <a:ext cx="808316" cy="913088"/>
            </a:xfrm>
            <a:custGeom>
              <a:avLst/>
              <a:gdLst>
                <a:gd name="connsiteX0" fmla="*/ 460635 w 634342"/>
                <a:gd name="connsiteY0" fmla="*/ 77758 h 716564"/>
                <a:gd name="connsiteX1" fmla="*/ 117735 w 634342"/>
                <a:gd name="connsiteY1" fmla="*/ 63471 h 716564"/>
                <a:gd name="connsiteX2" fmla="*/ 32010 w 634342"/>
                <a:gd name="connsiteY2" fmla="*/ 592108 h 716564"/>
                <a:gd name="connsiteX3" fmla="*/ 617798 w 634342"/>
                <a:gd name="connsiteY3" fmla="*/ 677833 h 716564"/>
                <a:gd name="connsiteX4" fmla="*/ 460635 w 634342"/>
                <a:gd name="connsiteY4" fmla="*/ 77758 h 7165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34342" h="716564">
                  <a:moveTo>
                    <a:pt x="460635" y="77758"/>
                  </a:moveTo>
                  <a:cubicBezTo>
                    <a:pt x="377291" y="-24636"/>
                    <a:pt x="189172" y="-22254"/>
                    <a:pt x="117735" y="63471"/>
                  </a:cubicBezTo>
                  <a:cubicBezTo>
                    <a:pt x="46298" y="149196"/>
                    <a:pt x="-51334" y="489714"/>
                    <a:pt x="32010" y="592108"/>
                  </a:cubicBezTo>
                  <a:cubicBezTo>
                    <a:pt x="115354" y="694502"/>
                    <a:pt x="553504" y="763558"/>
                    <a:pt x="617798" y="677833"/>
                  </a:cubicBezTo>
                  <a:cubicBezTo>
                    <a:pt x="682092" y="592108"/>
                    <a:pt x="543979" y="180152"/>
                    <a:pt x="460635" y="77758"/>
                  </a:cubicBezTo>
                  <a:close/>
                </a:path>
              </a:pathLst>
            </a:custGeom>
            <a:solidFill>
              <a:schemeClr val="accent5">
                <a:lumMod val="75000"/>
              </a:schemeClr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grpSp>
          <p:nvGrpSpPr>
            <p:cNvPr id="13" name="Group 12"/>
            <p:cNvGrpSpPr/>
            <p:nvPr/>
          </p:nvGrpSpPr>
          <p:grpSpPr>
            <a:xfrm>
              <a:off x="3070989" y="1535594"/>
              <a:ext cx="1003687" cy="1840047"/>
              <a:chOff x="3064257" y="1624947"/>
              <a:chExt cx="2330728" cy="3322179"/>
            </a:xfrm>
          </p:grpSpPr>
          <p:sp>
            <p:nvSpPr>
              <p:cNvPr id="6" name="Freeform 5"/>
              <p:cNvSpPr/>
              <p:nvPr/>
            </p:nvSpPr>
            <p:spPr>
              <a:xfrm>
                <a:off x="3871337" y="3250823"/>
                <a:ext cx="1115278" cy="1540128"/>
              </a:xfrm>
              <a:custGeom>
                <a:avLst/>
                <a:gdLst>
                  <a:gd name="connsiteX0" fmla="*/ 318331 w 795988"/>
                  <a:gd name="connsiteY0" fmla="*/ 37120 h 1594457"/>
                  <a:gd name="connsiteX1" fmla="*/ 689806 w 795988"/>
                  <a:gd name="connsiteY1" fmla="*/ 37120 h 1594457"/>
                  <a:gd name="connsiteX2" fmla="*/ 775531 w 795988"/>
                  <a:gd name="connsiteY2" fmla="*/ 422882 h 1594457"/>
                  <a:gd name="connsiteX3" fmla="*/ 361193 w 795988"/>
                  <a:gd name="connsiteY3" fmla="*/ 608620 h 1594457"/>
                  <a:gd name="connsiteX4" fmla="*/ 4006 w 795988"/>
                  <a:gd name="connsiteY4" fmla="*/ 1122970 h 1594457"/>
                  <a:gd name="connsiteX5" fmla="*/ 175456 w 795988"/>
                  <a:gd name="connsiteY5" fmla="*/ 1451582 h 1594457"/>
                  <a:gd name="connsiteX6" fmla="*/ 275468 w 795988"/>
                  <a:gd name="connsiteY6" fmla="*/ 1551595 h 1594457"/>
                  <a:gd name="connsiteX7" fmla="*/ 204031 w 795988"/>
                  <a:gd name="connsiteY7" fmla="*/ 1594457 h 1594457"/>
                  <a:gd name="connsiteX0" fmla="*/ 318331 w 796249"/>
                  <a:gd name="connsiteY0" fmla="*/ 25703 h 1583040"/>
                  <a:gd name="connsiteX1" fmla="*/ 308025 w 796249"/>
                  <a:gd name="connsiteY1" fmla="*/ 34870 h 1583040"/>
                  <a:gd name="connsiteX2" fmla="*/ 689806 w 796249"/>
                  <a:gd name="connsiteY2" fmla="*/ 25703 h 1583040"/>
                  <a:gd name="connsiteX3" fmla="*/ 775531 w 796249"/>
                  <a:gd name="connsiteY3" fmla="*/ 411465 h 1583040"/>
                  <a:gd name="connsiteX4" fmla="*/ 361193 w 796249"/>
                  <a:gd name="connsiteY4" fmla="*/ 597203 h 1583040"/>
                  <a:gd name="connsiteX5" fmla="*/ 4006 w 796249"/>
                  <a:gd name="connsiteY5" fmla="*/ 1111553 h 1583040"/>
                  <a:gd name="connsiteX6" fmla="*/ 175456 w 796249"/>
                  <a:gd name="connsiteY6" fmla="*/ 1440165 h 1583040"/>
                  <a:gd name="connsiteX7" fmla="*/ 275468 w 796249"/>
                  <a:gd name="connsiteY7" fmla="*/ 1540178 h 1583040"/>
                  <a:gd name="connsiteX8" fmla="*/ 204031 w 796249"/>
                  <a:gd name="connsiteY8" fmla="*/ 1583040 h 1583040"/>
                  <a:gd name="connsiteX0" fmla="*/ 318331 w 793321"/>
                  <a:gd name="connsiteY0" fmla="*/ 25703 h 1583040"/>
                  <a:gd name="connsiteX1" fmla="*/ 436613 w 793321"/>
                  <a:gd name="connsiteY1" fmla="*/ 34870 h 1583040"/>
                  <a:gd name="connsiteX2" fmla="*/ 689806 w 793321"/>
                  <a:gd name="connsiteY2" fmla="*/ 25703 h 1583040"/>
                  <a:gd name="connsiteX3" fmla="*/ 775531 w 793321"/>
                  <a:gd name="connsiteY3" fmla="*/ 411465 h 1583040"/>
                  <a:gd name="connsiteX4" fmla="*/ 361193 w 793321"/>
                  <a:gd name="connsiteY4" fmla="*/ 597203 h 1583040"/>
                  <a:gd name="connsiteX5" fmla="*/ 4006 w 793321"/>
                  <a:gd name="connsiteY5" fmla="*/ 1111553 h 1583040"/>
                  <a:gd name="connsiteX6" fmla="*/ 175456 w 793321"/>
                  <a:gd name="connsiteY6" fmla="*/ 1440165 h 1583040"/>
                  <a:gd name="connsiteX7" fmla="*/ 275468 w 793321"/>
                  <a:gd name="connsiteY7" fmla="*/ 1540178 h 1583040"/>
                  <a:gd name="connsiteX8" fmla="*/ 204031 w 793321"/>
                  <a:gd name="connsiteY8" fmla="*/ 1583040 h 1583040"/>
                  <a:gd name="connsiteX0" fmla="*/ 18293 w 793321"/>
                  <a:gd name="connsiteY0" fmla="*/ 468615 h 1583040"/>
                  <a:gd name="connsiteX1" fmla="*/ 436613 w 793321"/>
                  <a:gd name="connsiteY1" fmla="*/ 34870 h 1583040"/>
                  <a:gd name="connsiteX2" fmla="*/ 689806 w 793321"/>
                  <a:gd name="connsiteY2" fmla="*/ 25703 h 1583040"/>
                  <a:gd name="connsiteX3" fmla="*/ 775531 w 793321"/>
                  <a:gd name="connsiteY3" fmla="*/ 411465 h 1583040"/>
                  <a:gd name="connsiteX4" fmla="*/ 361193 w 793321"/>
                  <a:gd name="connsiteY4" fmla="*/ 597203 h 1583040"/>
                  <a:gd name="connsiteX5" fmla="*/ 4006 w 793321"/>
                  <a:gd name="connsiteY5" fmla="*/ 1111553 h 1583040"/>
                  <a:gd name="connsiteX6" fmla="*/ 175456 w 793321"/>
                  <a:gd name="connsiteY6" fmla="*/ 1440165 h 1583040"/>
                  <a:gd name="connsiteX7" fmla="*/ 275468 w 793321"/>
                  <a:gd name="connsiteY7" fmla="*/ 1540178 h 1583040"/>
                  <a:gd name="connsiteX8" fmla="*/ 204031 w 793321"/>
                  <a:gd name="connsiteY8" fmla="*/ 1583040 h 1583040"/>
                  <a:gd name="connsiteX0" fmla="*/ 104018 w 793321"/>
                  <a:gd name="connsiteY0" fmla="*/ 168578 h 1583040"/>
                  <a:gd name="connsiteX1" fmla="*/ 436613 w 793321"/>
                  <a:gd name="connsiteY1" fmla="*/ 34870 h 1583040"/>
                  <a:gd name="connsiteX2" fmla="*/ 689806 w 793321"/>
                  <a:gd name="connsiteY2" fmla="*/ 25703 h 1583040"/>
                  <a:gd name="connsiteX3" fmla="*/ 775531 w 793321"/>
                  <a:gd name="connsiteY3" fmla="*/ 411465 h 1583040"/>
                  <a:gd name="connsiteX4" fmla="*/ 361193 w 793321"/>
                  <a:gd name="connsiteY4" fmla="*/ 597203 h 1583040"/>
                  <a:gd name="connsiteX5" fmla="*/ 4006 w 793321"/>
                  <a:gd name="connsiteY5" fmla="*/ 1111553 h 1583040"/>
                  <a:gd name="connsiteX6" fmla="*/ 175456 w 793321"/>
                  <a:gd name="connsiteY6" fmla="*/ 1440165 h 1583040"/>
                  <a:gd name="connsiteX7" fmla="*/ 275468 w 793321"/>
                  <a:gd name="connsiteY7" fmla="*/ 1540178 h 1583040"/>
                  <a:gd name="connsiteX8" fmla="*/ 204031 w 793321"/>
                  <a:gd name="connsiteY8" fmla="*/ 1583040 h 1583040"/>
                  <a:gd name="connsiteX0" fmla="*/ 104018 w 793321"/>
                  <a:gd name="connsiteY0" fmla="*/ 173645 h 1588107"/>
                  <a:gd name="connsiteX1" fmla="*/ 50850 w 793321"/>
                  <a:gd name="connsiteY1" fmla="*/ 168523 h 1588107"/>
                  <a:gd name="connsiteX2" fmla="*/ 436613 w 793321"/>
                  <a:gd name="connsiteY2" fmla="*/ 39937 h 1588107"/>
                  <a:gd name="connsiteX3" fmla="*/ 689806 w 793321"/>
                  <a:gd name="connsiteY3" fmla="*/ 30770 h 1588107"/>
                  <a:gd name="connsiteX4" fmla="*/ 775531 w 793321"/>
                  <a:gd name="connsiteY4" fmla="*/ 416532 h 1588107"/>
                  <a:gd name="connsiteX5" fmla="*/ 361193 w 793321"/>
                  <a:gd name="connsiteY5" fmla="*/ 602270 h 1588107"/>
                  <a:gd name="connsiteX6" fmla="*/ 4006 w 793321"/>
                  <a:gd name="connsiteY6" fmla="*/ 1116620 h 1588107"/>
                  <a:gd name="connsiteX7" fmla="*/ 175456 w 793321"/>
                  <a:gd name="connsiteY7" fmla="*/ 1445232 h 1588107"/>
                  <a:gd name="connsiteX8" fmla="*/ 275468 w 793321"/>
                  <a:gd name="connsiteY8" fmla="*/ 1545245 h 1588107"/>
                  <a:gd name="connsiteX9" fmla="*/ 204031 w 793321"/>
                  <a:gd name="connsiteY9" fmla="*/ 1588107 h 1588107"/>
                  <a:gd name="connsiteX0" fmla="*/ 104018 w 793321"/>
                  <a:gd name="connsiteY0" fmla="*/ 173645 h 1588107"/>
                  <a:gd name="connsiteX1" fmla="*/ 150863 w 793321"/>
                  <a:gd name="connsiteY1" fmla="*/ 125661 h 1588107"/>
                  <a:gd name="connsiteX2" fmla="*/ 436613 w 793321"/>
                  <a:gd name="connsiteY2" fmla="*/ 39937 h 1588107"/>
                  <a:gd name="connsiteX3" fmla="*/ 689806 w 793321"/>
                  <a:gd name="connsiteY3" fmla="*/ 30770 h 1588107"/>
                  <a:gd name="connsiteX4" fmla="*/ 775531 w 793321"/>
                  <a:gd name="connsiteY4" fmla="*/ 416532 h 1588107"/>
                  <a:gd name="connsiteX5" fmla="*/ 361193 w 793321"/>
                  <a:gd name="connsiteY5" fmla="*/ 602270 h 1588107"/>
                  <a:gd name="connsiteX6" fmla="*/ 4006 w 793321"/>
                  <a:gd name="connsiteY6" fmla="*/ 1116620 h 1588107"/>
                  <a:gd name="connsiteX7" fmla="*/ 175456 w 793321"/>
                  <a:gd name="connsiteY7" fmla="*/ 1445232 h 1588107"/>
                  <a:gd name="connsiteX8" fmla="*/ 275468 w 793321"/>
                  <a:gd name="connsiteY8" fmla="*/ 1545245 h 1588107"/>
                  <a:gd name="connsiteX9" fmla="*/ 204031 w 793321"/>
                  <a:gd name="connsiteY9" fmla="*/ 1588107 h 1588107"/>
                  <a:gd name="connsiteX0" fmla="*/ 189655 w 878958"/>
                  <a:gd name="connsiteY0" fmla="*/ 173645 h 1588107"/>
                  <a:gd name="connsiteX1" fmla="*/ 236500 w 878958"/>
                  <a:gd name="connsiteY1" fmla="*/ 125661 h 1588107"/>
                  <a:gd name="connsiteX2" fmla="*/ 522250 w 878958"/>
                  <a:gd name="connsiteY2" fmla="*/ 39937 h 1588107"/>
                  <a:gd name="connsiteX3" fmla="*/ 775443 w 878958"/>
                  <a:gd name="connsiteY3" fmla="*/ 30770 h 1588107"/>
                  <a:gd name="connsiteX4" fmla="*/ 861168 w 878958"/>
                  <a:gd name="connsiteY4" fmla="*/ 416532 h 1588107"/>
                  <a:gd name="connsiteX5" fmla="*/ 446830 w 878958"/>
                  <a:gd name="connsiteY5" fmla="*/ 602270 h 1588107"/>
                  <a:gd name="connsiteX6" fmla="*/ 89643 w 878958"/>
                  <a:gd name="connsiteY6" fmla="*/ 1116620 h 1588107"/>
                  <a:gd name="connsiteX7" fmla="*/ 261093 w 878958"/>
                  <a:gd name="connsiteY7" fmla="*/ 1445232 h 1588107"/>
                  <a:gd name="connsiteX8" fmla="*/ 361105 w 878958"/>
                  <a:gd name="connsiteY8" fmla="*/ 1545245 h 1588107"/>
                  <a:gd name="connsiteX9" fmla="*/ 289668 w 878958"/>
                  <a:gd name="connsiteY9" fmla="*/ 1588107 h 1588107"/>
                  <a:gd name="connsiteX0" fmla="*/ 413106 w 1102409"/>
                  <a:gd name="connsiteY0" fmla="*/ 173645 h 1588107"/>
                  <a:gd name="connsiteX1" fmla="*/ 174201 w 1102409"/>
                  <a:gd name="connsiteY1" fmla="*/ 339974 h 1588107"/>
                  <a:gd name="connsiteX2" fmla="*/ 745701 w 1102409"/>
                  <a:gd name="connsiteY2" fmla="*/ 39937 h 1588107"/>
                  <a:gd name="connsiteX3" fmla="*/ 998894 w 1102409"/>
                  <a:gd name="connsiteY3" fmla="*/ 30770 h 1588107"/>
                  <a:gd name="connsiteX4" fmla="*/ 1084619 w 1102409"/>
                  <a:gd name="connsiteY4" fmla="*/ 416532 h 1588107"/>
                  <a:gd name="connsiteX5" fmla="*/ 670281 w 1102409"/>
                  <a:gd name="connsiteY5" fmla="*/ 602270 h 1588107"/>
                  <a:gd name="connsiteX6" fmla="*/ 313094 w 1102409"/>
                  <a:gd name="connsiteY6" fmla="*/ 1116620 h 1588107"/>
                  <a:gd name="connsiteX7" fmla="*/ 484544 w 1102409"/>
                  <a:gd name="connsiteY7" fmla="*/ 1445232 h 1588107"/>
                  <a:gd name="connsiteX8" fmla="*/ 584556 w 1102409"/>
                  <a:gd name="connsiteY8" fmla="*/ 1545245 h 1588107"/>
                  <a:gd name="connsiteX9" fmla="*/ 513119 w 1102409"/>
                  <a:gd name="connsiteY9" fmla="*/ 1588107 h 1588107"/>
                  <a:gd name="connsiteX0" fmla="*/ 510713 w 1200016"/>
                  <a:gd name="connsiteY0" fmla="*/ 173645 h 1588107"/>
                  <a:gd name="connsiteX1" fmla="*/ 157508 w 1200016"/>
                  <a:gd name="connsiteY1" fmla="*/ 497137 h 1588107"/>
                  <a:gd name="connsiteX2" fmla="*/ 843308 w 1200016"/>
                  <a:gd name="connsiteY2" fmla="*/ 39937 h 1588107"/>
                  <a:gd name="connsiteX3" fmla="*/ 1096501 w 1200016"/>
                  <a:gd name="connsiteY3" fmla="*/ 30770 h 1588107"/>
                  <a:gd name="connsiteX4" fmla="*/ 1182226 w 1200016"/>
                  <a:gd name="connsiteY4" fmla="*/ 416532 h 1588107"/>
                  <a:gd name="connsiteX5" fmla="*/ 767888 w 1200016"/>
                  <a:gd name="connsiteY5" fmla="*/ 602270 h 1588107"/>
                  <a:gd name="connsiteX6" fmla="*/ 410701 w 1200016"/>
                  <a:gd name="connsiteY6" fmla="*/ 1116620 h 1588107"/>
                  <a:gd name="connsiteX7" fmla="*/ 582151 w 1200016"/>
                  <a:gd name="connsiteY7" fmla="*/ 1445232 h 1588107"/>
                  <a:gd name="connsiteX8" fmla="*/ 682163 w 1200016"/>
                  <a:gd name="connsiteY8" fmla="*/ 1545245 h 1588107"/>
                  <a:gd name="connsiteX9" fmla="*/ 610726 w 1200016"/>
                  <a:gd name="connsiteY9" fmla="*/ 1588107 h 1588107"/>
                  <a:gd name="connsiteX0" fmla="*/ 132022 w 821325"/>
                  <a:gd name="connsiteY0" fmla="*/ 173645 h 1588107"/>
                  <a:gd name="connsiteX1" fmla="*/ 264592 w 821325"/>
                  <a:gd name="connsiteY1" fmla="*/ 97087 h 1588107"/>
                  <a:gd name="connsiteX2" fmla="*/ 464617 w 821325"/>
                  <a:gd name="connsiteY2" fmla="*/ 39937 h 1588107"/>
                  <a:gd name="connsiteX3" fmla="*/ 717810 w 821325"/>
                  <a:gd name="connsiteY3" fmla="*/ 30770 h 1588107"/>
                  <a:gd name="connsiteX4" fmla="*/ 803535 w 821325"/>
                  <a:gd name="connsiteY4" fmla="*/ 416532 h 1588107"/>
                  <a:gd name="connsiteX5" fmla="*/ 389197 w 821325"/>
                  <a:gd name="connsiteY5" fmla="*/ 602270 h 1588107"/>
                  <a:gd name="connsiteX6" fmla="*/ 32010 w 821325"/>
                  <a:gd name="connsiteY6" fmla="*/ 1116620 h 1588107"/>
                  <a:gd name="connsiteX7" fmla="*/ 203460 w 821325"/>
                  <a:gd name="connsiteY7" fmla="*/ 1445232 h 1588107"/>
                  <a:gd name="connsiteX8" fmla="*/ 303472 w 821325"/>
                  <a:gd name="connsiteY8" fmla="*/ 1545245 h 1588107"/>
                  <a:gd name="connsiteX9" fmla="*/ 232035 w 821325"/>
                  <a:gd name="connsiteY9" fmla="*/ 1588107 h 1588107"/>
                  <a:gd name="connsiteX0" fmla="*/ 959 w 1090312"/>
                  <a:gd name="connsiteY0" fmla="*/ 816582 h 1588107"/>
                  <a:gd name="connsiteX1" fmla="*/ 533579 w 1090312"/>
                  <a:gd name="connsiteY1" fmla="*/ 97087 h 1588107"/>
                  <a:gd name="connsiteX2" fmla="*/ 733604 w 1090312"/>
                  <a:gd name="connsiteY2" fmla="*/ 39937 h 1588107"/>
                  <a:gd name="connsiteX3" fmla="*/ 986797 w 1090312"/>
                  <a:gd name="connsiteY3" fmla="*/ 30770 h 1588107"/>
                  <a:gd name="connsiteX4" fmla="*/ 1072522 w 1090312"/>
                  <a:gd name="connsiteY4" fmla="*/ 416532 h 1588107"/>
                  <a:gd name="connsiteX5" fmla="*/ 658184 w 1090312"/>
                  <a:gd name="connsiteY5" fmla="*/ 602270 h 1588107"/>
                  <a:gd name="connsiteX6" fmla="*/ 300997 w 1090312"/>
                  <a:gd name="connsiteY6" fmla="*/ 1116620 h 1588107"/>
                  <a:gd name="connsiteX7" fmla="*/ 472447 w 1090312"/>
                  <a:gd name="connsiteY7" fmla="*/ 1445232 h 1588107"/>
                  <a:gd name="connsiteX8" fmla="*/ 572459 w 1090312"/>
                  <a:gd name="connsiteY8" fmla="*/ 1545245 h 1588107"/>
                  <a:gd name="connsiteX9" fmla="*/ 501022 w 1090312"/>
                  <a:gd name="connsiteY9" fmla="*/ 1588107 h 1588107"/>
                  <a:gd name="connsiteX0" fmla="*/ 35442 w 1124795"/>
                  <a:gd name="connsiteY0" fmla="*/ 816582 h 1588107"/>
                  <a:gd name="connsiteX1" fmla="*/ 353750 w 1124795"/>
                  <a:gd name="connsiteY1" fmla="*/ 325687 h 1588107"/>
                  <a:gd name="connsiteX2" fmla="*/ 768087 w 1124795"/>
                  <a:gd name="connsiteY2" fmla="*/ 39937 h 1588107"/>
                  <a:gd name="connsiteX3" fmla="*/ 1021280 w 1124795"/>
                  <a:gd name="connsiteY3" fmla="*/ 30770 h 1588107"/>
                  <a:gd name="connsiteX4" fmla="*/ 1107005 w 1124795"/>
                  <a:gd name="connsiteY4" fmla="*/ 416532 h 1588107"/>
                  <a:gd name="connsiteX5" fmla="*/ 692667 w 1124795"/>
                  <a:gd name="connsiteY5" fmla="*/ 602270 h 1588107"/>
                  <a:gd name="connsiteX6" fmla="*/ 335480 w 1124795"/>
                  <a:gd name="connsiteY6" fmla="*/ 1116620 h 1588107"/>
                  <a:gd name="connsiteX7" fmla="*/ 506930 w 1124795"/>
                  <a:gd name="connsiteY7" fmla="*/ 1445232 h 1588107"/>
                  <a:gd name="connsiteX8" fmla="*/ 606942 w 1124795"/>
                  <a:gd name="connsiteY8" fmla="*/ 1545245 h 1588107"/>
                  <a:gd name="connsiteX9" fmla="*/ 535505 w 1124795"/>
                  <a:gd name="connsiteY9" fmla="*/ 1588107 h 1588107"/>
                  <a:gd name="connsiteX0" fmla="*/ 615 w 1089968"/>
                  <a:gd name="connsiteY0" fmla="*/ 816582 h 1588107"/>
                  <a:gd name="connsiteX1" fmla="*/ 318923 w 1089968"/>
                  <a:gd name="connsiteY1" fmla="*/ 325687 h 1588107"/>
                  <a:gd name="connsiteX2" fmla="*/ 733260 w 1089968"/>
                  <a:gd name="connsiteY2" fmla="*/ 39937 h 1588107"/>
                  <a:gd name="connsiteX3" fmla="*/ 986453 w 1089968"/>
                  <a:gd name="connsiteY3" fmla="*/ 30770 h 1588107"/>
                  <a:gd name="connsiteX4" fmla="*/ 1072178 w 1089968"/>
                  <a:gd name="connsiteY4" fmla="*/ 416532 h 1588107"/>
                  <a:gd name="connsiteX5" fmla="*/ 657840 w 1089968"/>
                  <a:gd name="connsiteY5" fmla="*/ 602270 h 1588107"/>
                  <a:gd name="connsiteX6" fmla="*/ 300653 w 1089968"/>
                  <a:gd name="connsiteY6" fmla="*/ 1116620 h 1588107"/>
                  <a:gd name="connsiteX7" fmla="*/ 472103 w 1089968"/>
                  <a:gd name="connsiteY7" fmla="*/ 1445232 h 1588107"/>
                  <a:gd name="connsiteX8" fmla="*/ 572115 w 1089968"/>
                  <a:gd name="connsiteY8" fmla="*/ 1545245 h 1588107"/>
                  <a:gd name="connsiteX9" fmla="*/ 500678 w 1089968"/>
                  <a:gd name="connsiteY9" fmla="*/ 1588107 h 1588107"/>
                  <a:gd name="connsiteX0" fmla="*/ 716 w 1090069"/>
                  <a:gd name="connsiteY0" fmla="*/ 816582 h 1588107"/>
                  <a:gd name="connsiteX1" fmla="*/ 304737 w 1090069"/>
                  <a:gd name="connsiteY1" fmla="*/ 268537 h 1588107"/>
                  <a:gd name="connsiteX2" fmla="*/ 733361 w 1090069"/>
                  <a:gd name="connsiteY2" fmla="*/ 39937 h 1588107"/>
                  <a:gd name="connsiteX3" fmla="*/ 986554 w 1090069"/>
                  <a:gd name="connsiteY3" fmla="*/ 30770 h 1588107"/>
                  <a:gd name="connsiteX4" fmla="*/ 1072279 w 1090069"/>
                  <a:gd name="connsiteY4" fmla="*/ 416532 h 1588107"/>
                  <a:gd name="connsiteX5" fmla="*/ 657941 w 1090069"/>
                  <a:gd name="connsiteY5" fmla="*/ 602270 h 1588107"/>
                  <a:gd name="connsiteX6" fmla="*/ 300754 w 1090069"/>
                  <a:gd name="connsiteY6" fmla="*/ 1116620 h 1588107"/>
                  <a:gd name="connsiteX7" fmla="*/ 472204 w 1090069"/>
                  <a:gd name="connsiteY7" fmla="*/ 1445232 h 1588107"/>
                  <a:gd name="connsiteX8" fmla="*/ 572216 w 1090069"/>
                  <a:gd name="connsiteY8" fmla="*/ 1545245 h 1588107"/>
                  <a:gd name="connsiteX9" fmla="*/ 500779 w 1090069"/>
                  <a:gd name="connsiteY9" fmla="*/ 1588107 h 1588107"/>
                  <a:gd name="connsiteX0" fmla="*/ 716 w 1090069"/>
                  <a:gd name="connsiteY0" fmla="*/ 816582 h 1588107"/>
                  <a:gd name="connsiteX1" fmla="*/ 304737 w 1090069"/>
                  <a:gd name="connsiteY1" fmla="*/ 268537 h 1588107"/>
                  <a:gd name="connsiteX2" fmla="*/ 733361 w 1090069"/>
                  <a:gd name="connsiteY2" fmla="*/ 39937 h 1588107"/>
                  <a:gd name="connsiteX3" fmla="*/ 986554 w 1090069"/>
                  <a:gd name="connsiteY3" fmla="*/ 30770 h 1588107"/>
                  <a:gd name="connsiteX4" fmla="*/ 1072279 w 1090069"/>
                  <a:gd name="connsiteY4" fmla="*/ 416532 h 1588107"/>
                  <a:gd name="connsiteX5" fmla="*/ 657941 w 1090069"/>
                  <a:gd name="connsiteY5" fmla="*/ 602270 h 1588107"/>
                  <a:gd name="connsiteX6" fmla="*/ 300754 w 1090069"/>
                  <a:gd name="connsiteY6" fmla="*/ 1116620 h 1588107"/>
                  <a:gd name="connsiteX7" fmla="*/ 472204 w 1090069"/>
                  <a:gd name="connsiteY7" fmla="*/ 1445232 h 1588107"/>
                  <a:gd name="connsiteX8" fmla="*/ 572216 w 1090069"/>
                  <a:gd name="connsiteY8" fmla="*/ 1545245 h 1588107"/>
                  <a:gd name="connsiteX9" fmla="*/ 500779 w 1090069"/>
                  <a:gd name="connsiteY9" fmla="*/ 1588107 h 1588107"/>
                  <a:gd name="connsiteX0" fmla="*/ 476 w 1132691"/>
                  <a:gd name="connsiteY0" fmla="*/ 845157 h 1588107"/>
                  <a:gd name="connsiteX1" fmla="*/ 347359 w 1132691"/>
                  <a:gd name="connsiteY1" fmla="*/ 268537 h 1588107"/>
                  <a:gd name="connsiteX2" fmla="*/ 775983 w 1132691"/>
                  <a:gd name="connsiteY2" fmla="*/ 39937 h 1588107"/>
                  <a:gd name="connsiteX3" fmla="*/ 1029176 w 1132691"/>
                  <a:gd name="connsiteY3" fmla="*/ 30770 h 1588107"/>
                  <a:gd name="connsiteX4" fmla="*/ 1114901 w 1132691"/>
                  <a:gd name="connsiteY4" fmla="*/ 416532 h 1588107"/>
                  <a:gd name="connsiteX5" fmla="*/ 700563 w 1132691"/>
                  <a:gd name="connsiteY5" fmla="*/ 602270 h 1588107"/>
                  <a:gd name="connsiteX6" fmla="*/ 343376 w 1132691"/>
                  <a:gd name="connsiteY6" fmla="*/ 1116620 h 1588107"/>
                  <a:gd name="connsiteX7" fmla="*/ 514826 w 1132691"/>
                  <a:gd name="connsiteY7" fmla="*/ 1445232 h 1588107"/>
                  <a:gd name="connsiteX8" fmla="*/ 614838 w 1132691"/>
                  <a:gd name="connsiteY8" fmla="*/ 1545245 h 1588107"/>
                  <a:gd name="connsiteX9" fmla="*/ 543401 w 1132691"/>
                  <a:gd name="connsiteY9" fmla="*/ 1588107 h 1588107"/>
                  <a:gd name="connsiteX0" fmla="*/ 12272 w 1144487"/>
                  <a:gd name="connsiteY0" fmla="*/ 845157 h 1588107"/>
                  <a:gd name="connsiteX1" fmla="*/ 30543 w 1144487"/>
                  <a:gd name="connsiteY1" fmla="*/ 840037 h 1588107"/>
                  <a:gd name="connsiteX2" fmla="*/ 359155 w 1144487"/>
                  <a:gd name="connsiteY2" fmla="*/ 268537 h 1588107"/>
                  <a:gd name="connsiteX3" fmla="*/ 787779 w 1144487"/>
                  <a:gd name="connsiteY3" fmla="*/ 39937 h 1588107"/>
                  <a:gd name="connsiteX4" fmla="*/ 1040972 w 1144487"/>
                  <a:gd name="connsiteY4" fmla="*/ 30770 h 1588107"/>
                  <a:gd name="connsiteX5" fmla="*/ 1126697 w 1144487"/>
                  <a:gd name="connsiteY5" fmla="*/ 416532 h 1588107"/>
                  <a:gd name="connsiteX6" fmla="*/ 712359 w 1144487"/>
                  <a:gd name="connsiteY6" fmla="*/ 602270 h 1588107"/>
                  <a:gd name="connsiteX7" fmla="*/ 355172 w 1144487"/>
                  <a:gd name="connsiteY7" fmla="*/ 1116620 h 1588107"/>
                  <a:gd name="connsiteX8" fmla="*/ 526622 w 1144487"/>
                  <a:gd name="connsiteY8" fmla="*/ 1445232 h 1588107"/>
                  <a:gd name="connsiteX9" fmla="*/ 626634 w 1144487"/>
                  <a:gd name="connsiteY9" fmla="*/ 1545245 h 1588107"/>
                  <a:gd name="connsiteX10" fmla="*/ 555197 w 1144487"/>
                  <a:gd name="connsiteY10" fmla="*/ 1588107 h 1588107"/>
                  <a:gd name="connsiteX0" fmla="*/ 0 w 1132215"/>
                  <a:gd name="connsiteY0" fmla="*/ 845157 h 1588107"/>
                  <a:gd name="connsiteX1" fmla="*/ 75421 w 1132215"/>
                  <a:gd name="connsiteY1" fmla="*/ 668587 h 1588107"/>
                  <a:gd name="connsiteX2" fmla="*/ 346883 w 1132215"/>
                  <a:gd name="connsiteY2" fmla="*/ 268537 h 1588107"/>
                  <a:gd name="connsiteX3" fmla="*/ 775507 w 1132215"/>
                  <a:gd name="connsiteY3" fmla="*/ 39937 h 1588107"/>
                  <a:gd name="connsiteX4" fmla="*/ 1028700 w 1132215"/>
                  <a:gd name="connsiteY4" fmla="*/ 30770 h 1588107"/>
                  <a:gd name="connsiteX5" fmla="*/ 1114425 w 1132215"/>
                  <a:gd name="connsiteY5" fmla="*/ 416532 h 1588107"/>
                  <a:gd name="connsiteX6" fmla="*/ 700087 w 1132215"/>
                  <a:gd name="connsiteY6" fmla="*/ 602270 h 1588107"/>
                  <a:gd name="connsiteX7" fmla="*/ 342900 w 1132215"/>
                  <a:gd name="connsiteY7" fmla="*/ 1116620 h 1588107"/>
                  <a:gd name="connsiteX8" fmla="*/ 514350 w 1132215"/>
                  <a:gd name="connsiteY8" fmla="*/ 1445232 h 1588107"/>
                  <a:gd name="connsiteX9" fmla="*/ 614362 w 1132215"/>
                  <a:gd name="connsiteY9" fmla="*/ 1545245 h 1588107"/>
                  <a:gd name="connsiteX10" fmla="*/ 542925 w 1132215"/>
                  <a:gd name="connsiteY10" fmla="*/ 1588107 h 1588107"/>
                  <a:gd name="connsiteX0" fmla="*/ 0 w 1275090"/>
                  <a:gd name="connsiteY0" fmla="*/ 1373794 h 1588107"/>
                  <a:gd name="connsiteX1" fmla="*/ 218296 w 1275090"/>
                  <a:gd name="connsiteY1" fmla="*/ 668587 h 1588107"/>
                  <a:gd name="connsiteX2" fmla="*/ 489758 w 1275090"/>
                  <a:gd name="connsiteY2" fmla="*/ 268537 h 1588107"/>
                  <a:gd name="connsiteX3" fmla="*/ 918382 w 1275090"/>
                  <a:gd name="connsiteY3" fmla="*/ 39937 h 1588107"/>
                  <a:gd name="connsiteX4" fmla="*/ 1171575 w 1275090"/>
                  <a:gd name="connsiteY4" fmla="*/ 30770 h 1588107"/>
                  <a:gd name="connsiteX5" fmla="*/ 1257300 w 1275090"/>
                  <a:gd name="connsiteY5" fmla="*/ 416532 h 1588107"/>
                  <a:gd name="connsiteX6" fmla="*/ 842962 w 1275090"/>
                  <a:gd name="connsiteY6" fmla="*/ 602270 h 1588107"/>
                  <a:gd name="connsiteX7" fmla="*/ 485775 w 1275090"/>
                  <a:gd name="connsiteY7" fmla="*/ 1116620 h 1588107"/>
                  <a:gd name="connsiteX8" fmla="*/ 657225 w 1275090"/>
                  <a:gd name="connsiteY8" fmla="*/ 1445232 h 1588107"/>
                  <a:gd name="connsiteX9" fmla="*/ 757237 w 1275090"/>
                  <a:gd name="connsiteY9" fmla="*/ 1545245 h 1588107"/>
                  <a:gd name="connsiteX10" fmla="*/ 685800 w 1275090"/>
                  <a:gd name="connsiteY10" fmla="*/ 1588107 h 1588107"/>
                  <a:gd name="connsiteX0" fmla="*/ 0 w 1275090"/>
                  <a:gd name="connsiteY0" fmla="*/ 1373794 h 1588107"/>
                  <a:gd name="connsiteX1" fmla="*/ 46846 w 1275090"/>
                  <a:gd name="connsiteY1" fmla="*/ 811462 h 1588107"/>
                  <a:gd name="connsiteX2" fmla="*/ 489758 w 1275090"/>
                  <a:gd name="connsiteY2" fmla="*/ 268537 h 1588107"/>
                  <a:gd name="connsiteX3" fmla="*/ 918382 w 1275090"/>
                  <a:gd name="connsiteY3" fmla="*/ 39937 h 1588107"/>
                  <a:gd name="connsiteX4" fmla="*/ 1171575 w 1275090"/>
                  <a:gd name="connsiteY4" fmla="*/ 30770 h 1588107"/>
                  <a:gd name="connsiteX5" fmla="*/ 1257300 w 1275090"/>
                  <a:gd name="connsiteY5" fmla="*/ 416532 h 1588107"/>
                  <a:gd name="connsiteX6" fmla="*/ 842962 w 1275090"/>
                  <a:gd name="connsiteY6" fmla="*/ 602270 h 1588107"/>
                  <a:gd name="connsiteX7" fmla="*/ 485775 w 1275090"/>
                  <a:gd name="connsiteY7" fmla="*/ 1116620 h 1588107"/>
                  <a:gd name="connsiteX8" fmla="*/ 657225 w 1275090"/>
                  <a:gd name="connsiteY8" fmla="*/ 1445232 h 1588107"/>
                  <a:gd name="connsiteX9" fmla="*/ 757237 w 1275090"/>
                  <a:gd name="connsiteY9" fmla="*/ 1545245 h 1588107"/>
                  <a:gd name="connsiteX10" fmla="*/ 685800 w 1275090"/>
                  <a:gd name="connsiteY10" fmla="*/ 1588107 h 1588107"/>
                  <a:gd name="connsiteX0" fmla="*/ 12273 w 1258788"/>
                  <a:gd name="connsiteY0" fmla="*/ 1488094 h 1588107"/>
                  <a:gd name="connsiteX1" fmla="*/ 30544 w 1258788"/>
                  <a:gd name="connsiteY1" fmla="*/ 811462 h 1588107"/>
                  <a:gd name="connsiteX2" fmla="*/ 473456 w 1258788"/>
                  <a:gd name="connsiteY2" fmla="*/ 268537 h 1588107"/>
                  <a:gd name="connsiteX3" fmla="*/ 902080 w 1258788"/>
                  <a:gd name="connsiteY3" fmla="*/ 39937 h 1588107"/>
                  <a:gd name="connsiteX4" fmla="*/ 1155273 w 1258788"/>
                  <a:gd name="connsiteY4" fmla="*/ 30770 h 1588107"/>
                  <a:gd name="connsiteX5" fmla="*/ 1240998 w 1258788"/>
                  <a:gd name="connsiteY5" fmla="*/ 416532 h 1588107"/>
                  <a:gd name="connsiteX6" fmla="*/ 826660 w 1258788"/>
                  <a:gd name="connsiteY6" fmla="*/ 602270 h 1588107"/>
                  <a:gd name="connsiteX7" fmla="*/ 469473 w 1258788"/>
                  <a:gd name="connsiteY7" fmla="*/ 1116620 h 1588107"/>
                  <a:gd name="connsiteX8" fmla="*/ 640923 w 1258788"/>
                  <a:gd name="connsiteY8" fmla="*/ 1445232 h 1588107"/>
                  <a:gd name="connsiteX9" fmla="*/ 740935 w 1258788"/>
                  <a:gd name="connsiteY9" fmla="*/ 1545245 h 1588107"/>
                  <a:gd name="connsiteX10" fmla="*/ 669498 w 1258788"/>
                  <a:gd name="connsiteY10" fmla="*/ 1588107 h 1588107"/>
                  <a:gd name="connsiteX0" fmla="*/ 0 w 1332240"/>
                  <a:gd name="connsiteY0" fmla="*/ 1345219 h 1588107"/>
                  <a:gd name="connsiteX1" fmla="*/ 103996 w 1332240"/>
                  <a:gd name="connsiteY1" fmla="*/ 811462 h 1588107"/>
                  <a:gd name="connsiteX2" fmla="*/ 546908 w 1332240"/>
                  <a:gd name="connsiteY2" fmla="*/ 268537 h 1588107"/>
                  <a:gd name="connsiteX3" fmla="*/ 975532 w 1332240"/>
                  <a:gd name="connsiteY3" fmla="*/ 39937 h 1588107"/>
                  <a:gd name="connsiteX4" fmla="*/ 1228725 w 1332240"/>
                  <a:gd name="connsiteY4" fmla="*/ 30770 h 1588107"/>
                  <a:gd name="connsiteX5" fmla="*/ 1314450 w 1332240"/>
                  <a:gd name="connsiteY5" fmla="*/ 416532 h 1588107"/>
                  <a:gd name="connsiteX6" fmla="*/ 900112 w 1332240"/>
                  <a:gd name="connsiteY6" fmla="*/ 602270 h 1588107"/>
                  <a:gd name="connsiteX7" fmla="*/ 542925 w 1332240"/>
                  <a:gd name="connsiteY7" fmla="*/ 1116620 h 1588107"/>
                  <a:gd name="connsiteX8" fmla="*/ 714375 w 1332240"/>
                  <a:gd name="connsiteY8" fmla="*/ 1445232 h 1588107"/>
                  <a:gd name="connsiteX9" fmla="*/ 814387 w 1332240"/>
                  <a:gd name="connsiteY9" fmla="*/ 1545245 h 1588107"/>
                  <a:gd name="connsiteX10" fmla="*/ 742950 w 1332240"/>
                  <a:gd name="connsiteY10" fmla="*/ 1588107 h 1588107"/>
                  <a:gd name="connsiteX0" fmla="*/ 4723 w 1336963"/>
                  <a:gd name="connsiteY0" fmla="*/ 1345219 h 1588107"/>
                  <a:gd name="connsiteX1" fmla="*/ 8706 w 1336963"/>
                  <a:gd name="connsiteY1" fmla="*/ 1382962 h 1588107"/>
                  <a:gd name="connsiteX2" fmla="*/ 108719 w 1336963"/>
                  <a:gd name="connsiteY2" fmla="*/ 811462 h 1588107"/>
                  <a:gd name="connsiteX3" fmla="*/ 551631 w 1336963"/>
                  <a:gd name="connsiteY3" fmla="*/ 268537 h 1588107"/>
                  <a:gd name="connsiteX4" fmla="*/ 980255 w 1336963"/>
                  <a:gd name="connsiteY4" fmla="*/ 39937 h 1588107"/>
                  <a:gd name="connsiteX5" fmla="*/ 1233448 w 1336963"/>
                  <a:gd name="connsiteY5" fmla="*/ 30770 h 1588107"/>
                  <a:gd name="connsiteX6" fmla="*/ 1319173 w 1336963"/>
                  <a:gd name="connsiteY6" fmla="*/ 416532 h 1588107"/>
                  <a:gd name="connsiteX7" fmla="*/ 904835 w 1336963"/>
                  <a:gd name="connsiteY7" fmla="*/ 602270 h 1588107"/>
                  <a:gd name="connsiteX8" fmla="*/ 547648 w 1336963"/>
                  <a:gd name="connsiteY8" fmla="*/ 1116620 h 1588107"/>
                  <a:gd name="connsiteX9" fmla="*/ 719098 w 1336963"/>
                  <a:gd name="connsiteY9" fmla="*/ 1445232 h 1588107"/>
                  <a:gd name="connsiteX10" fmla="*/ 819110 w 1336963"/>
                  <a:gd name="connsiteY10" fmla="*/ 1545245 h 1588107"/>
                  <a:gd name="connsiteX11" fmla="*/ 747673 w 1336963"/>
                  <a:gd name="connsiteY11" fmla="*/ 1588107 h 1588107"/>
                  <a:gd name="connsiteX0" fmla="*/ 0 w 1332240"/>
                  <a:gd name="connsiteY0" fmla="*/ 1345219 h 1588107"/>
                  <a:gd name="connsiteX1" fmla="*/ 75421 w 1332240"/>
                  <a:gd name="connsiteY1" fmla="*/ 1511550 h 1588107"/>
                  <a:gd name="connsiteX2" fmla="*/ 103996 w 1332240"/>
                  <a:gd name="connsiteY2" fmla="*/ 811462 h 1588107"/>
                  <a:gd name="connsiteX3" fmla="*/ 546908 w 1332240"/>
                  <a:gd name="connsiteY3" fmla="*/ 268537 h 1588107"/>
                  <a:gd name="connsiteX4" fmla="*/ 975532 w 1332240"/>
                  <a:gd name="connsiteY4" fmla="*/ 39937 h 1588107"/>
                  <a:gd name="connsiteX5" fmla="*/ 1228725 w 1332240"/>
                  <a:gd name="connsiteY5" fmla="*/ 30770 h 1588107"/>
                  <a:gd name="connsiteX6" fmla="*/ 1314450 w 1332240"/>
                  <a:gd name="connsiteY6" fmla="*/ 416532 h 1588107"/>
                  <a:gd name="connsiteX7" fmla="*/ 900112 w 1332240"/>
                  <a:gd name="connsiteY7" fmla="*/ 602270 h 1588107"/>
                  <a:gd name="connsiteX8" fmla="*/ 542925 w 1332240"/>
                  <a:gd name="connsiteY8" fmla="*/ 1116620 h 1588107"/>
                  <a:gd name="connsiteX9" fmla="*/ 714375 w 1332240"/>
                  <a:gd name="connsiteY9" fmla="*/ 1445232 h 1588107"/>
                  <a:gd name="connsiteX10" fmla="*/ 814387 w 1332240"/>
                  <a:gd name="connsiteY10" fmla="*/ 1545245 h 1588107"/>
                  <a:gd name="connsiteX11" fmla="*/ 742950 w 1332240"/>
                  <a:gd name="connsiteY11" fmla="*/ 1588107 h 1588107"/>
                  <a:gd name="connsiteX0" fmla="*/ 454595 w 1272485"/>
                  <a:gd name="connsiteY0" fmla="*/ 1902432 h 1902526"/>
                  <a:gd name="connsiteX1" fmla="*/ 15666 w 1272485"/>
                  <a:gd name="connsiteY1" fmla="*/ 1511550 h 1902526"/>
                  <a:gd name="connsiteX2" fmla="*/ 44241 w 1272485"/>
                  <a:gd name="connsiteY2" fmla="*/ 811462 h 1902526"/>
                  <a:gd name="connsiteX3" fmla="*/ 487153 w 1272485"/>
                  <a:gd name="connsiteY3" fmla="*/ 268537 h 1902526"/>
                  <a:gd name="connsiteX4" fmla="*/ 915777 w 1272485"/>
                  <a:gd name="connsiteY4" fmla="*/ 39937 h 1902526"/>
                  <a:gd name="connsiteX5" fmla="*/ 1168970 w 1272485"/>
                  <a:gd name="connsiteY5" fmla="*/ 30770 h 1902526"/>
                  <a:gd name="connsiteX6" fmla="*/ 1254695 w 1272485"/>
                  <a:gd name="connsiteY6" fmla="*/ 416532 h 1902526"/>
                  <a:gd name="connsiteX7" fmla="*/ 840357 w 1272485"/>
                  <a:gd name="connsiteY7" fmla="*/ 602270 h 1902526"/>
                  <a:gd name="connsiteX8" fmla="*/ 483170 w 1272485"/>
                  <a:gd name="connsiteY8" fmla="*/ 1116620 h 1902526"/>
                  <a:gd name="connsiteX9" fmla="*/ 654620 w 1272485"/>
                  <a:gd name="connsiteY9" fmla="*/ 1445232 h 1902526"/>
                  <a:gd name="connsiteX10" fmla="*/ 754632 w 1272485"/>
                  <a:gd name="connsiteY10" fmla="*/ 1545245 h 1902526"/>
                  <a:gd name="connsiteX11" fmla="*/ 683195 w 1272485"/>
                  <a:gd name="connsiteY11" fmla="*/ 1588107 h 1902526"/>
                  <a:gd name="connsiteX0" fmla="*/ 511745 w 1272485"/>
                  <a:gd name="connsiteY0" fmla="*/ 1916720 h 1916810"/>
                  <a:gd name="connsiteX1" fmla="*/ 15666 w 1272485"/>
                  <a:gd name="connsiteY1" fmla="*/ 1511550 h 1916810"/>
                  <a:gd name="connsiteX2" fmla="*/ 44241 w 1272485"/>
                  <a:gd name="connsiteY2" fmla="*/ 811462 h 1916810"/>
                  <a:gd name="connsiteX3" fmla="*/ 487153 w 1272485"/>
                  <a:gd name="connsiteY3" fmla="*/ 268537 h 1916810"/>
                  <a:gd name="connsiteX4" fmla="*/ 915777 w 1272485"/>
                  <a:gd name="connsiteY4" fmla="*/ 39937 h 1916810"/>
                  <a:gd name="connsiteX5" fmla="*/ 1168970 w 1272485"/>
                  <a:gd name="connsiteY5" fmla="*/ 30770 h 1916810"/>
                  <a:gd name="connsiteX6" fmla="*/ 1254695 w 1272485"/>
                  <a:gd name="connsiteY6" fmla="*/ 416532 h 1916810"/>
                  <a:gd name="connsiteX7" fmla="*/ 840357 w 1272485"/>
                  <a:gd name="connsiteY7" fmla="*/ 602270 h 1916810"/>
                  <a:gd name="connsiteX8" fmla="*/ 483170 w 1272485"/>
                  <a:gd name="connsiteY8" fmla="*/ 1116620 h 1916810"/>
                  <a:gd name="connsiteX9" fmla="*/ 654620 w 1272485"/>
                  <a:gd name="connsiteY9" fmla="*/ 1445232 h 1916810"/>
                  <a:gd name="connsiteX10" fmla="*/ 754632 w 1272485"/>
                  <a:gd name="connsiteY10" fmla="*/ 1545245 h 1916810"/>
                  <a:gd name="connsiteX11" fmla="*/ 683195 w 1272485"/>
                  <a:gd name="connsiteY11" fmla="*/ 1588107 h 1916810"/>
                  <a:gd name="connsiteX0" fmla="*/ 582172 w 1342912"/>
                  <a:gd name="connsiteY0" fmla="*/ 1916720 h 1916797"/>
                  <a:gd name="connsiteX1" fmla="*/ 368 w 1342912"/>
                  <a:gd name="connsiteY1" fmla="*/ 1454400 h 1916797"/>
                  <a:gd name="connsiteX2" fmla="*/ 114668 w 1342912"/>
                  <a:gd name="connsiteY2" fmla="*/ 811462 h 1916797"/>
                  <a:gd name="connsiteX3" fmla="*/ 557580 w 1342912"/>
                  <a:gd name="connsiteY3" fmla="*/ 268537 h 1916797"/>
                  <a:gd name="connsiteX4" fmla="*/ 986204 w 1342912"/>
                  <a:gd name="connsiteY4" fmla="*/ 39937 h 1916797"/>
                  <a:gd name="connsiteX5" fmla="*/ 1239397 w 1342912"/>
                  <a:gd name="connsiteY5" fmla="*/ 30770 h 1916797"/>
                  <a:gd name="connsiteX6" fmla="*/ 1325122 w 1342912"/>
                  <a:gd name="connsiteY6" fmla="*/ 416532 h 1916797"/>
                  <a:gd name="connsiteX7" fmla="*/ 910784 w 1342912"/>
                  <a:gd name="connsiteY7" fmla="*/ 602270 h 1916797"/>
                  <a:gd name="connsiteX8" fmla="*/ 553597 w 1342912"/>
                  <a:gd name="connsiteY8" fmla="*/ 1116620 h 1916797"/>
                  <a:gd name="connsiteX9" fmla="*/ 725047 w 1342912"/>
                  <a:gd name="connsiteY9" fmla="*/ 1445232 h 1916797"/>
                  <a:gd name="connsiteX10" fmla="*/ 825059 w 1342912"/>
                  <a:gd name="connsiteY10" fmla="*/ 1545245 h 1916797"/>
                  <a:gd name="connsiteX11" fmla="*/ 753622 w 1342912"/>
                  <a:gd name="connsiteY11" fmla="*/ 1588107 h 1916797"/>
                  <a:gd name="connsiteX0" fmla="*/ 593912 w 1354652"/>
                  <a:gd name="connsiteY0" fmla="*/ 1916720 h 1916797"/>
                  <a:gd name="connsiteX1" fmla="*/ 12108 w 1354652"/>
                  <a:gd name="connsiteY1" fmla="*/ 1454400 h 1916797"/>
                  <a:gd name="connsiteX2" fmla="*/ 126408 w 1354652"/>
                  <a:gd name="connsiteY2" fmla="*/ 811462 h 1916797"/>
                  <a:gd name="connsiteX3" fmla="*/ 569320 w 1354652"/>
                  <a:gd name="connsiteY3" fmla="*/ 268537 h 1916797"/>
                  <a:gd name="connsiteX4" fmla="*/ 997944 w 1354652"/>
                  <a:gd name="connsiteY4" fmla="*/ 39937 h 1916797"/>
                  <a:gd name="connsiteX5" fmla="*/ 1251137 w 1354652"/>
                  <a:gd name="connsiteY5" fmla="*/ 30770 h 1916797"/>
                  <a:gd name="connsiteX6" fmla="*/ 1336862 w 1354652"/>
                  <a:gd name="connsiteY6" fmla="*/ 416532 h 1916797"/>
                  <a:gd name="connsiteX7" fmla="*/ 922524 w 1354652"/>
                  <a:gd name="connsiteY7" fmla="*/ 602270 h 1916797"/>
                  <a:gd name="connsiteX8" fmla="*/ 565337 w 1354652"/>
                  <a:gd name="connsiteY8" fmla="*/ 1116620 h 1916797"/>
                  <a:gd name="connsiteX9" fmla="*/ 736787 w 1354652"/>
                  <a:gd name="connsiteY9" fmla="*/ 1445232 h 1916797"/>
                  <a:gd name="connsiteX10" fmla="*/ 836799 w 1354652"/>
                  <a:gd name="connsiteY10" fmla="*/ 1545245 h 1916797"/>
                  <a:gd name="connsiteX11" fmla="*/ 765362 w 1354652"/>
                  <a:gd name="connsiteY11" fmla="*/ 1588107 h 1916797"/>
                  <a:gd name="connsiteX0" fmla="*/ 593912 w 1354652"/>
                  <a:gd name="connsiteY0" fmla="*/ 1916720 h 1916720"/>
                  <a:gd name="connsiteX1" fmla="*/ 112120 w 1354652"/>
                  <a:gd name="connsiteY1" fmla="*/ 1568699 h 1916720"/>
                  <a:gd name="connsiteX2" fmla="*/ 12108 w 1354652"/>
                  <a:gd name="connsiteY2" fmla="*/ 1454400 h 1916720"/>
                  <a:gd name="connsiteX3" fmla="*/ 126408 w 1354652"/>
                  <a:gd name="connsiteY3" fmla="*/ 811462 h 1916720"/>
                  <a:gd name="connsiteX4" fmla="*/ 569320 w 1354652"/>
                  <a:gd name="connsiteY4" fmla="*/ 268537 h 1916720"/>
                  <a:gd name="connsiteX5" fmla="*/ 997944 w 1354652"/>
                  <a:gd name="connsiteY5" fmla="*/ 39937 h 1916720"/>
                  <a:gd name="connsiteX6" fmla="*/ 1251137 w 1354652"/>
                  <a:gd name="connsiteY6" fmla="*/ 30770 h 1916720"/>
                  <a:gd name="connsiteX7" fmla="*/ 1336862 w 1354652"/>
                  <a:gd name="connsiteY7" fmla="*/ 416532 h 1916720"/>
                  <a:gd name="connsiteX8" fmla="*/ 922524 w 1354652"/>
                  <a:gd name="connsiteY8" fmla="*/ 602270 h 1916720"/>
                  <a:gd name="connsiteX9" fmla="*/ 565337 w 1354652"/>
                  <a:gd name="connsiteY9" fmla="*/ 1116620 h 1916720"/>
                  <a:gd name="connsiteX10" fmla="*/ 736787 w 1354652"/>
                  <a:gd name="connsiteY10" fmla="*/ 1445232 h 1916720"/>
                  <a:gd name="connsiteX11" fmla="*/ 836799 w 1354652"/>
                  <a:gd name="connsiteY11" fmla="*/ 1545245 h 1916720"/>
                  <a:gd name="connsiteX12" fmla="*/ 765362 w 1354652"/>
                  <a:gd name="connsiteY12" fmla="*/ 1588107 h 1916720"/>
                  <a:gd name="connsiteX0" fmla="*/ 593912 w 1354652"/>
                  <a:gd name="connsiteY0" fmla="*/ 1916720 h 1949781"/>
                  <a:gd name="connsiteX1" fmla="*/ 583608 w 1354652"/>
                  <a:gd name="connsiteY1" fmla="*/ 1925887 h 1949781"/>
                  <a:gd name="connsiteX2" fmla="*/ 112120 w 1354652"/>
                  <a:gd name="connsiteY2" fmla="*/ 1568699 h 1949781"/>
                  <a:gd name="connsiteX3" fmla="*/ 12108 w 1354652"/>
                  <a:gd name="connsiteY3" fmla="*/ 1454400 h 1949781"/>
                  <a:gd name="connsiteX4" fmla="*/ 126408 w 1354652"/>
                  <a:gd name="connsiteY4" fmla="*/ 811462 h 1949781"/>
                  <a:gd name="connsiteX5" fmla="*/ 569320 w 1354652"/>
                  <a:gd name="connsiteY5" fmla="*/ 268537 h 1949781"/>
                  <a:gd name="connsiteX6" fmla="*/ 997944 w 1354652"/>
                  <a:gd name="connsiteY6" fmla="*/ 39937 h 1949781"/>
                  <a:gd name="connsiteX7" fmla="*/ 1251137 w 1354652"/>
                  <a:gd name="connsiteY7" fmla="*/ 30770 h 1949781"/>
                  <a:gd name="connsiteX8" fmla="*/ 1336862 w 1354652"/>
                  <a:gd name="connsiteY8" fmla="*/ 416532 h 1949781"/>
                  <a:gd name="connsiteX9" fmla="*/ 922524 w 1354652"/>
                  <a:gd name="connsiteY9" fmla="*/ 602270 h 1949781"/>
                  <a:gd name="connsiteX10" fmla="*/ 565337 w 1354652"/>
                  <a:gd name="connsiteY10" fmla="*/ 1116620 h 1949781"/>
                  <a:gd name="connsiteX11" fmla="*/ 736787 w 1354652"/>
                  <a:gd name="connsiteY11" fmla="*/ 1445232 h 1949781"/>
                  <a:gd name="connsiteX12" fmla="*/ 836799 w 1354652"/>
                  <a:gd name="connsiteY12" fmla="*/ 1545245 h 1949781"/>
                  <a:gd name="connsiteX13" fmla="*/ 765362 w 1354652"/>
                  <a:gd name="connsiteY13" fmla="*/ 1588107 h 1949781"/>
                  <a:gd name="connsiteX0" fmla="*/ 593912 w 1354652"/>
                  <a:gd name="connsiteY0" fmla="*/ 1916720 h 1949781"/>
                  <a:gd name="connsiteX1" fmla="*/ 440733 w 1354652"/>
                  <a:gd name="connsiteY1" fmla="*/ 1925887 h 1949781"/>
                  <a:gd name="connsiteX2" fmla="*/ 112120 w 1354652"/>
                  <a:gd name="connsiteY2" fmla="*/ 1568699 h 1949781"/>
                  <a:gd name="connsiteX3" fmla="*/ 12108 w 1354652"/>
                  <a:gd name="connsiteY3" fmla="*/ 1454400 h 1949781"/>
                  <a:gd name="connsiteX4" fmla="*/ 126408 w 1354652"/>
                  <a:gd name="connsiteY4" fmla="*/ 811462 h 1949781"/>
                  <a:gd name="connsiteX5" fmla="*/ 569320 w 1354652"/>
                  <a:gd name="connsiteY5" fmla="*/ 268537 h 1949781"/>
                  <a:gd name="connsiteX6" fmla="*/ 997944 w 1354652"/>
                  <a:gd name="connsiteY6" fmla="*/ 39937 h 1949781"/>
                  <a:gd name="connsiteX7" fmla="*/ 1251137 w 1354652"/>
                  <a:gd name="connsiteY7" fmla="*/ 30770 h 1949781"/>
                  <a:gd name="connsiteX8" fmla="*/ 1336862 w 1354652"/>
                  <a:gd name="connsiteY8" fmla="*/ 416532 h 1949781"/>
                  <a:gd name="connsiteX9" fmla="*/ 922524 w 1354652"/>
                  <a:gd name="connsiteY9" fmla="*/ 602270 h 1949781"/>
                  <a:gd name="connsiteX10" fmla="*/ 565337 w 1354652"/>
                  <a:gd name="connsiteY10" fmla="*/ 1116620 h 1949781"/>
                  <a:gd name="connsiteX11" fmla="*/ 736787 w 1354652"/>
                  <a:gd name="connsiteY11" fmla="*/ 1445232 h 1949781"/>
                  <a:gd name="connsiteX12" fmla="*/ 836799 w 1354652"/>
                  <a:gd name="connsiteY12" fmla="*/ 1545245 h 1949781"/>
                  <a:gd name="connsiteX13" fmla="*/ 765362 w 1354652"/>
                  <a:gd name="connsiteY13" fmla="*/ 1588107 h 1949781"/>
                  <a:gd name="connsiteX0" fmla="*/ 879662 w 1354652"/>
                  <a:gd name="connsiteY0" fmla="*/ 1602395 h 1931910"/>
                  <a:gd name="connsiteX1" fmla="*/ 440733 w 1354652"/>
                  <a:gd name="connsiteY1" fmla="*/ 1925887 h 1931910"/>
                  <a:gd name="connsiteX2" fmla="*/ 112120 w 1354652"/>
                  <a:gd name="connsiteY2" fmla="*/ 1568699 h 1931910"/>
                  <a:gd name="connsiteX3" fmla="*/ 12108 w 1354652"/>
                  <a:gd name="connsiteY3" fmla="*/ 1454400 h 1931910"/>
                  <a:gd name="connsiteX4" fmla="*/ 126408 w 1354652"/>
                  <a:gd name="connsiteY4" fmla="*/ 811462 h 1931910"/>
                  <a:gd name="connsiteX5" fmla="*/ 569320 w 1354652"/>
                  <a:gd name="connsiteY5" fmla="*/ 268537 h 1931910"/>
                  <a:gd name="connsiteX6" fmla="*/ 997944 w 1354652"/>
                  <a:gd name="connsiteY6" fmla="*/ 39937 h 1931910"/>
                  <a:gd name="connsiteX7" fmla="*/ 1251137 w 1354652"/>
                  <a:gd name="connsiteY7" fmla="*/ 30770 h 1931910"/>
                  <a:gd name="connsiteX8" fmla="*/ 1336862 w 1354652"/>
                  <a:gd name="connsiteY8" fmla="*/ 416532 h 1931910"/>
                  <a:gd name="connsiteX9" fmla="*/ 922524 w 1354652"/>
                  <a:gd name="connsiteY9" fmla="*/ 602270 h 1931910"/>
                  <a:gd name="connsiteX10" fmla="*/ 565337 w 1354652"/>
                  <a:gd name="connsiteY10" fmla="*/ 1116620 h 1931910"/>
                  <a:gd name="connsiteX11" fmla="*/ 736787 w 1354652"/>
                  <a:gd name="connsiteY11" fmla="*/ 1445232 h 1931910"/>
                  <a:gd name="connsiteX12" fmla="*/ 836799 w 1354652"/>
                  <a:gd name="connsiteY12" fmla="*/ 1545245 h 1931910"/>
                  <a:gd name="connsiteX13" fmla="*/ 765362 w 1354652"/>
                  <a:gd name="connsiteY13" fmla="*/ 1588107 h 1931910"/>
                  <a:gd name="connsiteX0" fmla="*/ 879662 w 1354652"/>
                  <a:gd name="connsiteY0" fmla="*/ 1602395 h 1925888"/>
                  <a:gd name="connsiteX1" fmla="*/ 440733 w 1354652"/>
                  <a:gd name="connsiteY1" fmla="*/ 1925887 h 1925888"/>
                  <a:gd name="connsiteX2" fmla="*/ 112120 w 1354652"/>
                  <a:gd name="connsiteY2" fmla="*/ 1568699 h 1925888"/>
                  <a:gd name="connsiteX3" fmla="*/ 12108 w 1354652"/>
                  <a:gd name="connsiteY3" fmla="*/ 1454400 h 1925888"/>
                  <a:gd name="connsiteX4" fmla="*/ 126408 w 1354652"/>
                  <a:gd name="connsiteY4" fmla="*/ 811462 h 1925888"/>
                  <a:gd name="connsiteX5" fmla="*/ 569320 w 1354652"/>
                  <a:gd name="connsiteY5" fmla="*/ 268537 h 1925888"/>
                  <a:gd name="connsiteX6" fmla="*/ 997944 w 1354652"/>
                  <a:gd name="connsiteY6" fmla="*/ 39937 h 1925888"/>
                  <a:gd name="connsiteX7" fmla="*/ 1251137 w 1354652"/>
                  <a:gd name="connsiteY7" fmla="*/ 30770 h 1925888"/>
                  <a:gd name="connsiteX8" fmla="*/ 1336862 w 1354652"/>
                  <a:gd name="connsiteY8" fmla="*/ 416532 h 1925888"/>
                  <a:gd name="connsiteX9" fmla="*/ 922524 w 1354652"/>
                  <a:gd name="connsiteY9" fmla="*/ 602270 h 1925888"/>
                  <a:gd name="connsiteX10" fmla="*/ 565337 w 1354652"/>
                  <a:gd name="connsiteY10" fmla="*/ 1116620 h 1925888"/>
                  <a:gd name="connsiteX11" fmla="*/ 736787 w 1354652"/>
                  <a:gd name="connsiteY11" fmla="*/ 1445232 h 1925888"/>
                  <a:gd name="connsiteX12" fmla="*/ 836799 w 1354652"/>
                  <a:gd name="connsiteY12" fmla="*/ 1545245 h 1925888"/>
                  <a:gd name="connsiteX13" fmla="*/ 765362 w 1354652"/>
                  <a:gd name="connsiteY13" fmla="*/ 1588107 h 1925888"/>
                  <a:gd name="connsiteX0" fmla="*/ 879662 w 1354652"/>
                  <a:gd name="connsiteY0" fmla="*/ 1602395 h 1925888"/>
                  <a:gd name="connsiteX1" fmla="*/ 440733 w 1354652"/>
                  <a:gd name="connsiteY1" fmla="*/ 1925887 h 1925888"/>
                  <a:gd name="connsiteX2" fmla="*/ 112120 w 1354652"/>
                  <a:gd name="connsiteY2" fmla="*/ 1568699 h 1925888"/>
                  <a:gd name="connsiteX3" fmla="*/ 12108 w 1354652"/>
                  <a:gd name="connsiteY3" fmla="*/ 1454400 h 1925888"/>
                  <a:gd name="connsiteX4" fmla="*/ 126408 w 1354652"/>
                  <a:gd name="connsiteY4" fmla="*/ 811462 h 1925888"/>
                  <a:gd name="connsiteX5" fmla="*/ 569320 w 1354652"/>
                  <a:gd name="connsiteY5" fmla="*/ 268537 h 1925888"/>
                  <a:gd name="connsiteX6" fmla="*/ 997944 w 1354652"/>
                  <a:gd name="connsiteY6" fmla="*/ 39937 h 1925888"/>
                  <a:gd name="connsiteX7" fmla="*/ 1251137 w 1354652"/>
                  <a:gd name="connsiteY7" fmla="*/ 30770 h 1925888"/>
                  <a:gd name="connsiteX8" fmla="*/ 1336862 w 1354652"/>
                  <a:gd name="connsiteY8" fmla="*/ 416532 h 1925888"/>
                  <a:gd name="connsiteX9" fmla="*/ 922524 w 1354652"/>
                  <a:gd name="connsiteY9" fmla="*/ 602270 h 1925888"/>
                  <a:gd name="connsiteX10" fmla="*/ 565337 w 1354652"/>
                  <a:gd name="connsiteY10" fmla="*/ 1116620 h 1925888"/>
                  <a:gd name="connsiteX11" fmla="*/ 736787 w 1354652"/>
                  <a:gd name="connsiteY11" fmla="*/ 1445232 h 1925888"/>
                  <a:gd name="connsiteX12" fmla="*/ 836799 w 1354652"/>
                  <a:gd name="connsiteY12" fmla="*/ 1545245 h 1925888"/>
                  <a:gd name="connsiteX13" fmla="*/ 765362 w 1354652"/>
                  <a:gd name="connsiteY13" fmla="*/ 1588107 h 1925888"/>
                  <a:gd name="connsiteX0" fmla="*/ 879662 w 1354652"/>
                  <a:gd name="connsiteY0" fmla="*/ 1602395 h 1925888"/>
                  <a:gd name="connsiteX1" fmla="*/ 440733 w 1354652"/>
                  <a:gd name="connsiteY1" fmla="*/ 1925887 h 1925888"/>
                  <a:gd name="connsiteX2" fmla="*/ 197845 w 1354652"/>
                  <a:gd name="connsiteY2" fmla="*/ 1740149 h 1925888"/>
                  <a:gd name="connsiteX3" fmla="*/ 12108 w 1354652"/>
                  <a:gd name="connsiteY3" fmla="*/ 1454400 h 1925888"/>
                  <a:gd name="connsiteX4" fmla="*/ 126408 w 1354652"/>
                  <a:gd name="connsiteY4" fmla="*/ 811462 h 1925888"/>
                  <a:gd name="connsiteX5" fmla="*/ 569320 w 1354652"/>
                  <a:gd name="connsiteY5" fmla="*/ 268537 h 1925888"/>
                  <a:gd name="connsiteX6" fmla="*/ 997944 w 1354652"/>
                  <a:gd name="connsiteY6" fmla="*/ 39937 h 1925888"/>
                  <a:gd name="connsiteX7" fmla="*/ 1251137 w 1354652"/>
                  <a:gd name="connsiteY7" fmla="*/ 30770 h 1925888"/>
                  <a:gd name="connsiteX8" fmla="*/ 1336862 w 1354652"/>
                  <a:gd name="connsiteY8" fmla="*/ 416532 h 1925888"/>
                  <a:gd name="connsiteX9" fmla="*/ 922524 w 1354652"/>
                  <a:gd name="connsiteY9" fmla="*/ 602270 h 1925888"/>
                  <a:gd name="connsiteX10" fmla="*/ 565337 w 1354652"/>
                  <a:gd name="connsiteY10" fmla="*/ 1116620 h 1925888"/>
                  <a:gd name="connsiteX11" fmla="*/ 736787 w 1354652"/>
                  <a:gd name="connsiteY11" fmla="*/ 1445232 h 1925888"/>
                  <a:gd name="connsiteX12" fmla="*/ 836799 w 1354652"/>
                  <a:gd name="connsiteY12" fmla="*/ 1545245 h 1925888"/>
                  <a:gd name="connsiteX13" fmla="*/ 765362 w 1354652"/>
                  <a:gd name="connsiteY13" fmla="*/ 1588107 h 1925888"/>
                  <a:gd name="connsiteX0" fmla="*/ 884689 w 1359679"/>
                  <a:gd name="connsiteY0" fmla="*/ 1602395 h 1925888"/>
                  <a:gd name="connsiteX1" fmla="*/ 445760 w 1359679"/>
                  <a:gd name="connsiteY1" fmla="*/ 1925887 h 1925888"/>
                  <a:gd name="connsiteX2" fmla="*/ 17135 w 1359679"/>
                  <a:gd name="connsiteY2" fmla="*/ 1454400 h 1925888"/>
                  <a:gd name="connsiteX3" fmla="*/ 131435 w 1359679"/>
                  <a:gd name="connsiteY3" fmla="*/ 811462 h 1925888"/>
                  <a:gd name="connsiteX4" fmla="*/ 574347 w 1359679"/>
                  <a:gd name="connsiteY4" fmla="*/ 268537 h 1925888"/>
                  <a:gd name="connsiteX5" fmla="*/ 1002971 w 1359679"/>
                  <a:gd name="connsiteY5" fmla="*/ 39937 h 1925888"/>
                  <a:gd name="connsiteX6" fmla="*/ 1256164 w 1359679"/>
                  <a:gd name="connsiteY6" fmla="*/ 30770 h 1925888"/>
                  <a:gd name="connsiteX7" fmla="*/ 1341889 w 1359679"/>
                  <a:gd name="connsiteY7" fmla="*/ 416532 h 1925888"/>
                  <a:gd name="connsiteX8" fmla="*/ 927551 w 1359679"/>
                  <a:gd name="connsiteY8" fmla="*/ 602270 h 1925888"/>
                  <a:gd name="connsiteX9" fmla="*/ 570364 w 1359679"/>
                  <a:gd name="connsiteY9" fmla="*/ 1116620 h 1925888"/>
                  <a:gd name="connsiteX10" fmla="*/ 741814 w 1359679"/>
                  <a:gd name="connsiteY10" fmla="*/ 1445232 h 1925888"/>
                  <a:gd name="connsiteX11" fmla="*/ 841826 w 1359679"/>
                  <a:gd name="connsiteY11" fmla="*/ 1545245 h 1925888"/>
                  <a:gd name="connsiteX12" fmla="*/ 770389 w 1359679"/>
                  <a:gd name="connsiteY12" fmla="*/ 1588107 h 1925888"/>
                  <a:gd name="connsiteX0" fmla="*/ 884689 w 1359679"/>
                  <a:gd name="connsiteY0" fmla="*/ 1602395 h 1925888"/>
                  <a:gd name="connsiteX1" fmla="*/ 445760 w 1359679"/>
                  <a:gd name="connsiteY1" fmla="*/ 1925887 h 1925888"/>
                  <a:gd name="connsiteX2" fmla="*/ 17135 w 1359679"/>
                  <a:gd name="connsiteY2" fmla="*/ 1454400 h 1925888"/>
                  <a:gd name="connsiteX3" fmla="*/ 131435 w 1359679"/>
                  <a:gd name="connsiteY3" fmla="*/ 811462 h 1925888"/>
                  <a:gd name="connsiteX4" fmla="*/ 574347 w 1359679"/>
                  <a:gd name="connsiteY4" fmla="*/ 268537 h 1925888"/>
                  <a:gd name="connsiteX5" fmla="*/ 1002971 w 1359679"/>
                  <a:gd name="connsiteY5" fmla="*/ 39937 h 1925888"/>
                  <a:gd name="connsiteX6" fmla="*/ 1256164 w 1359679"/>
                  <a:gd name="connsiteY6" fmla="*/ 30770 h 1925888"/>
                  <a:gd name="connsiteX7" fmla="*/ 1341889 w 1359679"/>
                  <a:gd name="connsiteY7" fmla="*/ 416532 h 1925888"/>
                  <a:gd name="connsiteX8" fmla="*/ 927551 w 1359679"/>
                  <a:gd name="connsiteY8" fmla="*/ 602270 h 1925888"/>
                  <a:gd name="connsiteX9" fmla="*/ 570364 w 1359679"/>
                  <a:gd name="connsiteY9" fmla="*/ 1116620 h 1925888"/>
                  <a:gd name="connsiteX10" fmla="*/ 741814 w 1359679"/>
                  <a:gd name="connsiteY10" fmla="*/ 1445232 h 1925888"/>
                  <a:gd name="connsiteX11" fmla="*/ 1156151 w 1359679"/>
                  <a:gd name="connsiteY11" fmla="*/ 1573820 h 1925888"/>
                  <a:gd name="connsiteX12" fmla="*/ 770389 w 1359679"/>
                  <a:gd name="connsiteY12" fmla="*/ 1588107 h 1925888"/>
                  <a:gd name="connsiteX0" fmla="*/ 884689 w 1359679"/>
                  <a:gd name="connsiteY0" fmla="*/ 1602395 h 1925888"/>
                  <a:gd name="connsiteX1" fmla="*/ 445760 w 1359679"/>
                  <a:gd name="connsiteY1" fmla="*/ 1925887 h 1925888"/>
                  <a:gd name="connsiteX2" fmla="*/ 17135 w 1359679"/>
                  <a:gd name="connsiteY2" fmla="*/ 1454400 h 1925888"/>
                  <a:gd name="connsiteX3" fmla="*/ 131435 w 1359679"/>
                  <a:gd name="connsiteY3" fmla="*/ 811462 h 1925888"/>
                  <a:gd name="connsiteX4" fmla="*/ 574347 w 1359679"/>
                  <a:gd name="connsiteY4" fmla="*/ 268537 h 1925888"/>
                  <a:gd name="connsiteX5" fmla="*/ 1002971 w 1359679"/>
                  <a:gd name="connsiteY5" fmla="*/ 39937 h 1925888"/>
                  <a:gd name="connsiteX6" fmla="*/ 1256164 w 1359679"/>
                  <a:gd name="connsiteY6" fmla="*/ 30770 h 1925888"/>
                  <a:gd name="connsiteX7" fmla="*/ 1341889 w 1359679"/>
                  <a:gd name="connsiteY7" fmla="*/ 416532 h 1925888"/>
                  <a:gd name="connsiteX8" fmla="*/ 927551 w 1359679"/>
                  <a:gd name="connsiteY8" fmla="*/ 602270 h 1925888"/>
                  <a:gd name="connsiteX9" fmla="*/ 570364 w 1359679"/>
                  <a:gd name="connsiteY9" fmla="*/ 1116620 h 1925888"/>
                  <a:gd name="connsiteX10" fmla="*/ 741814 w 1359679"/>
                  <a:gd name="connsiteY10" fmla="*/ 1445232 h 1925888"/>
                  <a:gd name="connsiteX11" fmla="*/ 1156151 w 1359679"/>
                  <a:gd name="connsiteY11" fmla="*/ 1573820 h 1925888"/>
                  <a:gd name="connsiteX12" fmla="*/ 941839 w 1359679"/>
                  <a:gd name="connsiteY12" fmla="*/ 1773844 h 1925888"/>
                  <a:gd name="connsiteX0" fmla="*/ 556076 w 1359679"/>
                  <a:gd name="connsiteY0" fmla="*/ 1859570 h 1925895"/>
                  <a:gd name="connsiteX1" fmla="*/ 445760 w 1359679"/>
                  <a:gd name="connsiteY1" fmla="*/ 1925887 h 1925895"/>
                  <a:gd name="connsiteX2" fmla="*/ 17135 w 1359679"/>
                  <a:gd name="connsiteY2" fmla="*/ 1454400 h 1925895"/>
                  <a:gd name="connsiteX3" fmla="*/ 131435 w 1359679"/>
                  <a:gd name="connsiteY3" fmla="*/ 811462 h 1925895"/>
                  <a:gd name="connsiteX4" fmla="*/ 574347 w 1359679"/>
                  <a:gd name="connsiteY4" fmla="*/ 268537 h 1925895"/>
                  <a:gd name="connsiteX5" fmla="*/ 1002971 w 1359679"/>
                  <a:gd name="connsiteY5" fmla="*/ 39937 h 1925895"/>
                  <a:gd name="connsiteX6" fmla="*/ 1256164 w 1359679"/>
                  <a:gd name="connsiteY6" fmla="*/ 30770 h 1925895"/>
                  <a:gd name="connsiteX7" fmla="*/ 1341889 w 1359679"/>
                  <a:gd name="connsiteY7" fmla="*/ 416532 h 1925895"/>
                  <a:gd name="connsiteX8" fmla="*/ 927551 w 1359679"/>
                  <a:gd name="connsiteY8" fmla="*/ 602270 h 1925895"/>
                  <a:gd name="connsiteX9" fmla="*/ 570364 w 1359679"/>
                  <a:gd name="connsiteY9" fmla="*/ 1116620 h 1925895"/>
                  <a:gd name="connsiteX10" fmla="*/ 741814 w 1359679"/>
                  <a:gd name="connsiteY10" fmla="*/ 1445232 h 1925895"/>
                  <a:gd name="connsiteX11" fmla="*/ 1156151 w 1359679"/>
                  <a:gd name="connsiteY11" fmla="*/ 1573820 h 1925895"/>
                  <a:gd name="connsiteX12" fmla="*/ 941839 w 1359679"/>
                  <a:gd name="connsiteY12" fmla="*/ 1773844 h 1925895"/>
                  <a:gd name="connsiteX0" fmla="*/ 927551 w 1359679"/>
                  <a:gd name="connsiteY0" fmla="*/ 1759558 h 1925890"/>
                  <a:gd name="connsiteX1" fmla="*/ 445760 w 1359679"/>
                  <a:gd name="connsiteY1" fmla="*/ 1925887 h 1925890"/>
                  <a:gd name="connsiteX2" fmla="*/ 17135 w 1359679"/>
                  <a:gd name="connsiteY2" fmla="*/ 1454400 h 1925890"/>
                  <a:gd name="connsiteX3" fmla="*/ 131435 w 1359679"/>
                  <a:gd name="connsiteY3" fmla="*/ 811462 h 1925890"/>
                  <a:gd name="connsiteX4" fmla="*/ 574347 w 1359679"/>
                  <a:gd name="connsiteY4" fmla="*/ 268537 h 1925890"/>
                  <a:gd name="connsiteX5" fmla="*/ 1002971 w 1359679"/>
                  <a:gd name="connsiteY5" fmla="*/ 39937 h 1925890"/>
                  <a:gd name="connsiteX6" fmla="*/ 1256164 w 1359679"/>
                  <a:gd name="connsiteY6" fmla="*/ 30770 h 1925890"/>
                  <a:gd name="connsiteX7" fmla="*/ 1341889 w 1359679"/>
                  <a:gd name="connsiteY7" fmla="*/ 416532 h 1925890"/>
                  <a:gd name="connsiteX8" fmla="*/ 927551 w 1359679"/>
                  <a:gd name="connsiteY8" fmla="*/ 602270 h 1925890"/>
                  <a:gd name="connsiteX9" fmla="*/ 570364 w 1359679"/>
                  <a:gd name="connsiteY9" fmla="*/ 1116620 h 1925890"/>
                  <a:gd name="connsiteX10" fmla="*/ 741814 w 1359679"/>
                  <a:gd name="connsiteY10" fmla="*/ 1445232 h 1925890"/>
                  <a:gd name="connsiteX11" fmla="*/ 1156151 w 1359679"/>
                  <a:gd name="connsiteY11" fmla="*/ 1573820 h 1925890"/>
                  <a:gd name="connsiteX12" fmla="*/ 941839 w 1359679"/>
                  <a:gd name="connsiteY12" fmla="*/ 1773844 h 1925890"/>
                  <a:gd name="connsiteX0" fmla="*/ 927551 w 1352112"/>
                  <a:gd name="connsiteY0" fmla="*/ 1759558 h 1925890"/>
                  <a:gd name="connsiteX1" fmla="*/ 445760 w 1352112"/>
                  <a:gd name="connsiteY1" fmla="*/ 1925887 h 1925890"/>
                  <a:gd name="connsiteX2" fmla="*/ 17135 w 1352112"/>
                  <a:gd name="connsiteY2" fmla="*/ 1454400 h 1925890"/>
                  <a:gd name="connsiteX3" fmla="*/ 131435 w 1352112"/>
                  <a:gd name="connsiteY3" fmla="*/ 811462 h 1925890"/>
                  <a:gd name="connsiteX4" fmla="*/ 574347 w 1352112"/>
                  <a:gd name="connsiteY4" fmla="*/ 268537 h 1925890"/>
                  <a:gd name="connsiteX5" fmla="*/ 1002971 w 1352112"/>
                  <a:gd name="connsiteY5" fmla="*/ 39937 h 1925890"/>
                  <a:gd name="connsiteX6" fmla="*/ 1256164 w 1352112"/>
                  <a:gd name="connsiteY6" fmla="*/ 30770 h 1925890"/>
                  <a:gd name="connsiteX7" fmla="*/ 1341889 w 1352112"/>
                  <a:gd name="connsiteY7" fmla="*/ 416532 h 1925890"/>
                  <a:gd name="connsiteX8" fmla="*/ 1041851 w 1352112"/>
                  <a:gd name="connsiteY8" fmla="*/ 659420 h 1925890"/>
                  <a:gd name="connsiteX9" fmla="*/ 570364 w 1352112"/>
                  <a:gd name="connsiteY9" fmla="*/ 1116620 h 1925890"/>
                  <a:gd name="connsiteX10" fmla="*/ 741814 w 1352112"/>
                  <a:gd name="connsiteY10" fmla="*/ 1445232 h 1925890"/>
                  <a:gd name="connsiteX11" fmla="*/ 1156151 w 1352112"/>
                  <a:gd name="connsiteY11" fmla="*/ 1573820 h 1925890"/>
                  <a:gd name="connsiteX12" fmla="*/ 941839 w 1352112"/>
                  <a:gd name="connsiteY12" fmla="*/ 1773844 h 1925890"/>
                  <a:gd name="connsiteX0" fmla="*/ 915075 w 1339636"/>
                  <a:gd name="connsiteY0" fmla="*/ 1759558 h 1925890"/>
                  <a:gd name="connsiteX1" fmla="*/ 433284 w 1339636"/>
                  <a:gd name="connsiteY1" fmla="*/ 1925887 h 1925890"/>
                  <a:gd name="connsiteX2" fmla="*/ 4659 w 1339636"/>
                  <a:gd name="connsiteY2" fmla="*/ 1454400 h 1925890"/>
                  <a:gd name="connsiteX3" fmla="*/ 447571 w 1339636"/>
                  <a:gd name="connsiteY3" fmla="*/ 797175 h 1925890"/>
                  <a:gd name="connsiteX4" fmla="*/ 561871 w 1339636"/>
                  <a:gd name="connsiteY4" fmla="*/ 268537 h 1925890"/>
                  <a:gd name="connsiteX5" fmla="*/ 990495 w 1339636"/>
                  <a:gd name="connsiteY5" fmla="*/ 39937 h 1925890"/>
                  <a:gd name="connsiteX6" fmla="*/ 1243688 w 1339636"/>
                  <a:gd name="connsiteY6" fmla="*/ 30770 h 1925890"/>
                  <a:gd name="connsiteX7" fmla="*/ 1329413 w 1339636"/>
                  <a:gd name="connsiteY7" fmla="*/ 416532 h 1925890"/>
                  <a:gd name="connsiteX8" fmla="*/ 1029375 w 1339636"/>
                  <a:gd name="connsiteY8" fmla="*/ 659420 h 1925890"/>
                  <a:gd name="connsiteX9" fmla="*/ 557888 w 1339636"/>
                  <a:gd name="connsiteY9" fmla="*/ 1116620 h 1925890"/>
                  <a:gd name="connsiteX10" fmla="*/ 729338 w 1339636"/>
                  <a:gd name="connsiteY10" fmla="*/ 1445232 h 1925890"/>
                  <a:gd name="connsiteX11" fmla="*/ 1143675 w 1339636"/>
                  <a:gd name="connsiteY11" fmla="*/ 1573820 h 1925890"/>
                  <a:gd name="connsiteX12" fmla="*/ 929363 w 1339636"/>
                  <a:gd name="connsiteY12" fmla="*/ 1773844 h 1925890"/>
                  <a:gd name="connsiteX0" fmla="*/ 915075 w 1339636"/>
                  <a:gd name="connsiteY0" fmla="*/ 1759558 h 1773844"/>
                  <a:gd name="connsiteX1" fmla="*/ 476147 w 1339636"/>
                  <a:gd name="connsiteY1" fmla="*/ 1497262 h 1773844"/>
                  <a:gd name="connsiteX2" fmla="*/ 4659 w 1339636"/>
                  <a:gd name="connsiteY2" fmla="*/ 1454400 h 1773844"/>
                  <a:gd name="connsiteX3" fmla="*/ 447571 w 1339636"/>
                  <a:gd name="connsiteY3" fmla="*/ 797175 h 1773844"/>
                  <a:gd name="connsiteX4" fmla="*/ 561871 w 1339636"/>
                  <a:gd name="connsiteY4" fmla="*/ 268537 h 1773844"/>
                  <a:gd name="connsiteX5" fmla="*/ 990495 w 1339636"/>
                  <a:gd name="connsiteY5" fmla="*/ 39937 h 1773844"/>
                  <a:gd name="connsiteX6" fmla="*/ 1243688 w 1339636"/>
                  <a:gd name="connsiteY6" fmla="*/ 30770 h 1773844"/>
                  <a:gd name="connsiteX7" fmla="*/ 1329413 w 1339636"/>
                  <a:gd name="connsiteY7" fmla="*/ 416532 h 1773844"/>
                  <a:gd name="connsiteX8" fmla="*/ 1029375 w 1339636"/>
                  <a:gd name="connsiteY8" fmla="*/ 659420 h 1773844"/>
                  <a:gd name="connsiteX9" fmla="*/ 557888 w 1339636"/>
                  <a:gd name="connsiteY9" fmla="*/ 1116620 h 1773844"/>
                  <a:gd name="connsiteX10" fmla="*/ 729338 w 1339636"/>
                  <a:gd name="connsiteY10" fmla="*/ 1445232 h 1773844"/>
                  <a:gd name="connsiteX11" fmla="*/ 1143675 w 1339636"/>
                  <a:gd name="connsiteY11" fmla="*/ 1573820 h 1773844"/>
                  <a:gd name="connsiteX12" fmla="*/ 929363 w 1339636"/>
                  <a:gd name="connsiteY12" fmla="*/ 1773844 h 1773844"/>
                  <a:gd name="connsiteX0" fmla="*/ 732666 w 1157227"/>
                  <a:gd name="connsiteY0" fmla="*/ 1759558 h 1773844"/>
                  <a:gd name="connsiteX1" fmla="*/ 293738 w 1157227"/>
                  <a:gd name="connsiteY1" fmla="*/ 1497262 h 1773844"/>
                  <a:gd name="connsiteX2" fmla="*/ 7987 w 1157227"/>
                  <a:gd name="connsiteY2" fmla="*/ 1211512 h 1773844"/>
                  <a:gd name="connsiteX3" fmla="*/ 265162 w 1157227"/>
                  <a:gd name="connsiteY3" fmla="*/ 797175 h 1773844"/>
                  <a:gd name="connsiteX4" fmla="*/ 379462 w 1157227"/>
                  <a:gd name="connsiteY4" fmla="*/ 268537 h 1773844"/>
                  <a:gd name="connsiteX5" fmla="*/ 808086 w 1157227"/>
                  <a:gd name="connsiteY5" fmla="*/ 39937 h 1773844"/>
                  <a:gd name="connsiteX6" fmla="*/ 1061279 w 1157227"/>
                  <a:gd name="connsiteY6" fmla="*/ 30770 h 1773844"/>
                  <a:gd name="connsiteX7" fmla="*/ 1147004 w 1157227"/>
                  <a:gd name="connsiteY7" fmla="*/ 416532 h 1773844"/>
                  <a:gd name="connsiteX8" fmla="*/ 846966 w 1157227"/>
                  <a:gd name="connsiteY8" fmla="*/ 659420 h 1773844"/>
                  <a:gd name="connsiteX9" fmla="*/ 375479 w 1157227"/>
                  <a:gd name="connsiteY9" fmla="*/ 1116620 h 1773844"/>
                  <a:gd name="connsiteX10" fmla="*/ 546929 w 1157227"/>
                  <a:gd name="connsiteY10" fmla="*/ 1445232 h 1773844"/>
                  <a:gd name="connsiteX11" fmla="*/ 961266 w 1157227"/>
                  <a:gd name="connsiteY11" fmla="*/ 1573820 h 1773844"/>
                  <a:gd name="connsiteX12" fmla="*/ 746954 w 1157227"/>
                  <a:gd name="connsiteY12" fmla="*/ 1773844 h 1773844"/>
                  <a:gd name="connsiteX0" fmla="*/ 732666 w 1157227"/>
                  <a:gd name="connsiteY0" fmla="*/ 1759558 h 1773844"/>
                  <a:gd name="connsiteX1" fmla="*/ 293738 w 1157227"/>
                  <a:gd name="connsiteY1" fmla="*/ 1497262 h 1773844"/>
                  <a:gd name="connsiteX2" fmla="*/ 7987 w 1157227"/>
                  <a:gd name="connsiteY2" fmla="*/ 1211512 h 1773844"/>
                  <a:gd name="connsiteX3" fmla="*/ 265162 w 1157227"/>
                  <a:gd name="connsiteY3" fmla="*/ 797175 h 1773844"/>
                  <a:gd name="connsiteX4" fmla="*/ 379462 w 1157227"/>
                  <a:gd name="connsiteY4" fmla="*/ 268537 h 1773844"/>
                  <a:gd name="connsiteX5" fmla="*/ 808086 w 1157227"/>
                  <a:gd name="connsiteY5" fmla="*/ 39937 h 1773844"/>
                  <a:gd name="connsiteX6" fmla="*/ 1061279 w 1157227"/>
                  <a:gd name="connsiteY6" fmla="*/ 30770 h 1773844"/>
                  <a:gd name="connsiteX7" fmla="*/ 1147004 w 1157227"/>
                  <a:gd name="connsiteY7" fmla="*/ 416532 h 1773844"/>
                  <a:gd name="connsiteX8" fmla="*/ 846966 w 1157227"/>
                  <a:gd name="connsiteY8" fmla="*/ 659420 h 1773844"/>
                  <a:gd name="connsiteX9" fmla="*/ 518354 w 1157227"/>
                  <a:gd name="connsiteY9" fmla="*/ 1045182 h 1773844"/>
                  <a:gd name="connsiteX10" fmla="*/ 546929 w 1157227"/>
                  <a:gd name="connsiteY10" fmla="*/ 1445232 h 1773844"/>
                  <a:gd name="connsiteX11" fmla="*/ 961266 w 1157227"/>
                  <a:gd name="connsiteY11" fmla="*/ 1573820 h 1773844"/>
                  <a:gd name="connsiteX12" fmla="*/ 746954 w 1157227"/>
                  <a:gd name="connsiteY12" fmla="*/ 1773844 h 1773844"/>
                  <a:gd name="connsiteX0" fmla="*/ 732666 w 1157227"/>
                  <a:gd name="connsiteY0" fmla="*/ 1759558 h 1773844"/>
                  <a:gd name="connsiteX1" fmla="*/ 293738 w 1157227"/>
                  <a:gd name="connsiteY1" fmla="*/ 1497262 h 1773844"/>
                  <a:gd name="connsiteX2" fmla="*/ 7987 w 1157227"/>
                  <a:gd name="connsiteY2" fmla="*/ 1211512 h 1773844"/>
                  <a:gd name="connsiteX3" fmla="*/ 265162 w 1157227"/>
                  <a:gd name="connsiteY3" fmla="*/ 797175 h 1773844"/>
                  <a:gd name="connsiteX4" fmla="*/ 379462 w 1157227"/>
                  <a:gd name="connsiteY4" fmla="*/ 268537 h 1773844"/>
                  <a:gd name="connsiteX5" fmla="*/ 808086 w 1157227"/>
                  <a:gd name="connsiteY5" fmla="*/ 39937 h 1773844"/>
                  <a:gd name="connsiteX6" fmla="*/ 1061279 w 1157227"/>
                  <a:gd name="connsiteY6" fmla="*/ 30770 h 1773844"/>
                  <a:gd name="connsiteX7" fmla="*/ 1147004 w 1157227"/>
                  <a:gd name="connsiteY7" fmla="*/ 416532 h 1773844"/>
                  <a:gd name="connsiteX8" fmla="*/ 846966 w 1157227"/>
                  <a:gd name="connsiteY8" fmla="*/ 659420 h 1773844"/>
                  <a:gd name="connsiteX9" fmla="*/ 518354 w 1157227"/>
                  <a:gd name="connsiteY9" fmla="*/ 1045182 h 1773844"/>
                  <a:gd name="connsiteX10" fmla="*/ 589792 w 1157227"/>
                  <a:gd name="connsiteY10" fmla="*/ 1316645 h 1773844"/>
                  <a:gd name="connsiteX11" fmla="*/ 961266 w 1157227"/>
                  <a:gd name="connsiteY11" fmla="*/ 1573820 h 1773844"/>
                  <a:gd name="connsiteX12" fmla="*/ 746954 w 1157227"/>
                  <a:gd name="connsiteY12" fmla="*/ 1773844 h 1773844"/>
                  <a:gd name="connsiteX0" fmla="*/ 732666 w 1157227"/>
                  <a:gd name="connsiteY0" fmla="*/ 1759558 h 1773844"/>
                  <a:gd name="connsiteX1" fmla="*/ 293738 w 1157227"/>
                  <a:gd name="connsiteY1" fmla="*/ 1497262 h 1773844"/>
                  <a:gd name="connsiteX2" fmla="*/ 7987 w 1157227"/>
                  <a:gd name="connsiteY2" fmla="*/ 1211512 h 1773844"/>
                  <a:gd name="connsiteX3" fmla="*/ 265162 w 1157227"/>
                  <a:gd name="connsiteY3" fmla="*/ 797175 h 1773844"/>
                  <a:gd name="connsiteX4" fmla="*/ 379462 w 1157227"/>
                  <a:gd name="connsiteY4" fmla="*/ 268537 h 1773844"/>
                  <a:gd name="connsiteX5" fmla="*/ 808086 w 1157227"/>
                  <a:gd name="connsiteY5" fmla="*/ 39937 h 1773844"/>
                  <a:gd name="connsiteX6" fmla="*/ 1061279 w 1157227"/>
                  <a:gd name="connsiteY6" fmla="*/ 30770 h 1773844"/>
                  <a:gd name="connsiteX7" fmla="*/ 1147004 w 1157227"/>
                  <a:gd name="connsiteY7" fmla="*/ 416532 h 1773844"/>
                  <a:gd name="connsiteX8" fmla="*/ 846966 w 1157227"/>
                  <a:gd name="connsiteY8" fmla="*/ 659420 h 1773844"/>
                  <a:gd name="connsiteX9" fmla="*/ 518354 w 1157227"/>
                  <a:gd name="connsiteY9" fmla="*/ 1045182 h 1773844"/>
                  <a:gd name="connsiteX10" fmla="*/ 589792 w 1157227"/>
                  <a:gd name="connsiteY10" fmla="*/ 1316645 h 1773844"/>
                  <a:gd name="connsiteX11" fmla="*/ 718379 w 1157227"/>
                  <a:gd name="connsiteY11" fmla="*/ 1488095 h 1773844"/>
                  <a:gd name="connsiteX12" fmla="*/ 746954 w 1157227"/>
                  <a:gd name="connsiteY12" fmla="*/ 1773844 h 1773844"/>
                  <a:gd name="connsiteX0" fmla="*/ 732666 w 1157227"/>
                  <a:gd name="connsiteY0" fmla="*/ 1759558 h 1759564"/>
                  <a:gd name="connsiteX1" fmla="*/ 293738 w 1157227"/>
                  <a:gd name="connsiteY1" fmla="*/ 1497262 h 1759564"/>
                  <a:gd name="connsiteX2" fmla="*/ 7987 w 1157227"/>
                  <a:gd name="connsiteY2" fmla="*/ 1211512 h 1759564"/>
                  <a:gd name="connsiteX3" fmla="*/ 265162 w 1157227"/>
                  <a:gd name="connsiteY3" fmla="*/ 797175 h 1759564"/>
                  <a:gd name="connsiteX4" fmla="*/ 379462 w 1157227"/>
                  <a:gd name="connsiteY4" fmla="*/ 268537 h 1759564"/>
                  <a:gd name="connsiteX5" fmla="*/ 808086 w 1157227"/>
                  <a:gd name="connsiteY5" fmla="*/ 39937 h 1759564"/>
                  <a:gd name="connsiteX6" fmla="*/ 1061279 w 1157227"/>
                  <a:gd name="connsiteY6" fmla="*/ 30770 h 1759564"/>
                  <a:gd name="connsiteX7" fmla="*/ 1147004 w 1157227"/>
                  <a:gd name="connsiteY7" fmla="*/ 416532 h 1759564"/>
                  <a:gd name="connsiteX8" fmla="*/ 846966 w 1157227"/>
                  <a:gd name="connsiteY8" fmla="*/ 659420 h 1759564"/>
                  <a:gd name="connsiteX9" fmla="*/ 518354 w 1157227"/>
                  <a:gd name="connsiteY9" fmla="*/ 1045182 h 1759564"/>
                  <a:gd name="connsiteX10" fmla="*/ 589792 w 1157227"/>
                  <a:gd name="connsiteY10" fmla="*/ 1316645 h 1759564"/>
                  <a:gd name="connsiteX11" fmla="*/ 718379 w 1157227"/>
                  <a:gd name="connsiteY11" fmla="*/ 1488095 h 1759564"/>
                  <a:gd name="connsiteX12" fmla="*/ 532641 w 1157227"/>
                  <a:gd name="connsiteY12" fmla="*/ 1559532 h 1759564"/>
                  <a:gd name="connsiteX0" fmla="*/ 293738 w 1157227"/>
                  <a:gd name="connsiteY0" fmla="*/ 1497262 h 1559532"/>
                  <a:gd name="connsiteX1" fmla="*/ 7987 w 1157227"/>
                  <a:gd name="connsiteY1" fmla="*/ 1211512 h 1559532"/>
                  <a:gd name="connsiteX2" fmla="*/ 265162 w 1157227"/>
                  <a:gd name="connsiteY2" fmla="*/ 797175 h 1559532"/>
                  <a:gd name="connsiteX3" fmla="*/ 379462 w 1157227"/>
                  <a:gd name="connsiteY3" fmla="*/ 268537 h 1559532"/>
                  <a:gd name="connsiteX4" fmla="*/ 808086 w 1157227"/>
                  <a:gd name="connsiteY4" fmla="*/ 39937 h 1559532"/>
                  <a:gd name="connsiteX5" fmla="*/ 1061279 w 1157227"/>
                  <a:gd name="connsiteY5" fmla="*/ 30770 h 1559532"/>
                  <a:gd name="connsiteX6" fmla="*/ 1147004 w 1157227"/>
                  <a:gd name="connsiteY6" fmla="*/ 416532 h 1559532"/>
                  <a:gd name="connsiteX7" fmla="*/ 846966 w 1157227"/>
                  <a:gd name="connsiteY7" fmla="*/ 659420 h 1559532"/>
                  <a:gd name="connsiteX8" fmla="*/ 518354 w 1157227"/>
                  <a:gd name="connsiteY8" fmla="*/ 1045182 h 1559532"/>
                  <a:gd name="connsiteX9" fmla="*/ 589792 w 1157227"/>
                  <a:gd name="connsiteY9" fmla="*/ 1316645 h 1559532"/>
                  <a:gd name="connsiteX10" fmla="*/ 718379 w 1157227"/>
                  <a:gd name="connsiteY10" fmla="*/ 1488095 h 1559532"/>
                  <a:gd name="connsiteX11" fmla="*/ 532641 w 1157227"/>
                  <a:gd name="connsiteY11" fmla="*/ 1559532 h 1559532"/>
                  <a:gd name="connsiteX0" fmla="*/ 522338 w 1157227"/>
                  <a:gd name="connsiteY0" fmla="*/ 1568699 h 1568699"/>
                  <a:gd name="connsiteX1" fmla="*/ 7987 w 1157227"/>
                  <a:gd name="connsiteY1" fmla="*/ 1211512 h 1568699"/>
                  <a:gd name="connsiteX2" fmla="*/ 265162 w 1157227"/>
                  <a:gd name="connsiteY2" fmla="*/ 797175 h 1568699"/>
                  <a:gd name="connsiteX3" fmla="*/ 379462 w 1157227"/>
                  <a:gd name="connsiteY3" fmla="*/ 268537 h 1568699"/>
                  <a:gd name="connsiteX4" fmla="*/ 808086 w 1157227"/>
                  <a:gd name="connsiteY4" fmla="*/ 39937 h 1568699"/>
                  <a:gd name="connsiteX5" fmla="*/ 1061279 w 1157227"/>
                  <a:gd name="connsiteY5" fmla="*/ 30770 h 1568699"/>
                  <a:gd name="connsiteX6" fmla="*/ 1147004 w 1157227"/>
                  <a:gd name="connsiteY6" fmla="*/ 416532 h 1568699"/>
                  <a:gd name="connsiteX7" fmla="*/ 846966 w 1157227"/>
                  <a:gd name="connsiteY7" fmla="*/ 659420 h 1568699"/>
                  <a:gd name="connsiteX8" fmla="*/ 518354 w 1157227"/>
                  <a:gd name="connsiteY8" fmla="*/ 1045182 h 1568699"/>
                  <a:gd name="connsiteX9" fmla="*/ 589792 w 1157227"/>
                  <a:gd name="connsiteY9" fmla="*/ 1316645 h 1568699"/>
                  <a:gd name="connsiteX10" fmla="*/ 718379 w 1157227"/>
                  <a:gd name="connsiteY10" fmla="*/ 1488095 h 1568699"/>
                  <a:gd name="connsiteX11" fmla="*/ 532641 w 1157227"/>
                  <a:gd name="connsiteY11" fmla="*/ 1559532 h 1568699"/>
                  <a:gd name="connsiteX0" fmla="*/ 522338 w 1147896"/>
                  <a:gd name="connsiteY0" fmla="*/ 1568699 h 1568699"/>
                  <a:gd name="connsiteX1" fmla="*/ 7987 w 1147896"/>
                  <a:gd name="connsiteY1" fmla="*/ 1211512 h 1568699"/>
                  <a:gd name="connsiteX2" fmla="*/ 265162 w 1147896"/>
                  <a:gd name="connsiteY2" fmla="*/ 797175 h 1568699"/>
                  <a:gd name="connsiteX3" fmla="*/ 379462 w 1147896"/>
                  <a:gd name="connsiteY3" fmla="*/ 268537 h 1568699"/>
                  <a:gd name="connsiteX4" fmla="*/ 808086 w 1147896"/>
                  <a:gd name="connsiteY4" fmla="*/ 39937 h 1568699"/>
                  <a:gd name="connsiteX5" fmla="*/ 1061279 w 1147896"/>
                  <a:gd name="connsiteY5" fmla="*/ 30770 h 1568699"/>
                  <a:gd name="connsiteX6" fmla="*/ 1147004 w 1147896"/>
                  <a:gd name="connsiteY6" fmla="*/ 416532 h 1568699"/>
                  <a:gd name="connsiteX7" fmla="*/ 846966 w 1147896"/>
                  <a:gd name="connsiteY7" fmla="*/ 659420 h 1568699"/>
                  <a:gd name="connsiteX8" fmla="*/ 518354 w 1147896"/>
                  <a:gd name="connsiteY8" fmla="*/ 1045182 h 1568699"/>
                  <a:gd name="connsiteX9" fmla="*/ 589792 w 1147896"/>
                  <a:gd name="connsiteY9" fmla="*/ 1316645 h 1568699"/>
                  <a:gd name="connsiteX10" fmla="*/ 718379 w 1147896"/>
                  <a:gd name="connsiteY10" fmla="*/ 1488095 h 1568699"/>
                  <a:gd name="connsiteX11" fmla="*/ 532641 w 1147896"/>
                  <a:gd name="connsiteY11" fmla="*/ 1559532 h 1568699"/>
                  <a:gd name="connsiteX0" fmla="*/ 522338 w 1096413"/>
                  <a:gd name="connsiteY0" fmla="*/ 1564492 h 1564492"/>
                  <a:gd name="connsiteX1" fmla="*/ 7987 w 1096413"/>
                  <a:gd name="connsiteY1" fmla="*/ 1207305 h 1564492"/>
                  <a:gd name="connsiteX2" fmla="*/ 265162 w 1096413"/>
                  <a:gd name="connsiteY2" fmla="*/ 792968 h 1564492"/>
                  <a:gd name="connsiteX3" fmla="*/ 379462 w 1096413"/>
                  <a:gd name="connsiteY3" fmla="*/ 264330 h 1564492"/>
                  <a:gd name="connsiteX4" fmla="*/ 808086 w 1096413"/>
                  <a:gd name="connsiteY4" fmla="*/ 35730 h 1564492"/>
                  <a:gd name="connsiteX5" fmla="*/ 1061279 w 1096413"/>
                  <a:gd name="connsiteY5" fmla="*/ 26563 h 1564492"/>
                  <a:gd name="connsiteX6" fmla="*/ 1089854 w 1096413"/>
                  <a:gd name="connsiteY6" fmla="*/ 355175 h 1564492"/>
                  <a:gd name="connsiteX7" fmla="*/ 846966 w 1096413"/>
                  <a:gd name="connsiteY7" fmla="*/ 655213 h 1564492"/>
                  <a:gd name="connsiteX8" fmla="*/ 518354 w 1096413"/>
                  <a:gd name="connsiteY8" fmla="*/ 1040975 h 1564492"/>
                  <a:gd name="connsiteX9" fmla="*/ 589792 w 1096413"/>
                  <a:gd name="connsiteY9" fmla="*/ 1312438 h 1564492"/>
                  <a:gd name="connsiteX10" fmla="*/ 718379 w 1096413"/>
                  <a:gd name="connsiteY10" fmla="*/ 1483888 h 1564492"/>
                  <a:gd name="connsiteX11" fmla="*/ 532641 w 1096413"/>
                  <a:gd name="connsiteY11" fmla="*/ 1555325 h 1564492"/>
                  <a:gd name="connsiteX0" fmla="*/ 522338 w 1104173"/>
                  <a:gd name="connsiteY0" fmla="*/ 1533763 h 1533763"/>
                  <a:gd name="connsiteX1" fmla="*/ 7987 w 1104173"/>
                  <a:gd name="connsiteY1" fmla="*/ 1176576 h 1533763"/>
                  <a:gd name="connsiteX2" fmla="*/ 265162 w 1104173"/>
                  <a:gd name="connsiteY2" fmla="*/ 762239 h 1533763"/>
                  <a:gd name="connsiteX3" fmla="*/ 379462 w 1104173"/>
                  <a:gd name="connsiteY3" fmla="*/ 233601 h 1533763"/>
                  <a:gd name="connsiteX4" fmla="*/ 808086 w 1104173"/>
                  <a:gd name="connsiteY4" fmla="*/ 5001 h 1533763"/>
                  <a:gd name="connsiteX5" fmla="*/ 1046992 w 1104173"/>
                  <a:gd name="connsiteY5" fmla="*/ 95847 h 1533763"/>
                  <a:gd name="connsiteX6" fmla="*/ 1089854 w 1104173"/>
                  <a:gd name="connsiteY6" fmla="*/ 324446 h 1533763"/>
                  <a:gd name="connsiteX7" fmla="*/ 846966 w 1104173"/>
                  <a:gd name="connsiteY7" fmla="*/ 624484 h 1533763"/>
                  <a:gd name="connsiteX8" fmla="*/ 518354 w 1104173"/>
                  <a:gd name="connsiteY8" fmla="*/ 1010246 h 1533763"/>
                  <a:gd name="connsiteX9" fmla="*/ 589792 w 1104173"/>
                  <a:gd name="connsiteY9" fmla="*/ 1281709 h 1533763"/>
                  <a:gd name="connsiteX10" fmla="*/ 718379 w 1104173"/>
                  <a:gd name="connsiteY10" fmla="*/ 1453159 h 1533763"/>
                  <a:gd name="connsiteX11" fmla="*/ 532641 w 1104173"/>
                  <a:gd name="connsiteY11" fmla="*/ 1524596 h 1533763"/>
                  <a:gd name="connsiteX0" fmla="*/ 522338 w 1115278"/>
                  <a:gd name="connsiteY0" fmla="*/ 1540128 h 1540128"/>
                  <a:gd name="connsiteX1" fmla="*/ 7987 w 1115278"/>
                  <a:gd name="connsiteY1" fmla="*/ 1182941 h 1540128"/>
                  <a:gd name="connsiteX2" fmla="*/ 265162 w 1115278"/>
                  <a:gd name="connsiteY2" fmla="*/ 768604 h 1540128"/>
                  <a:gd name="connsiteX3" fmla="*/ 379462 w 1115278"/>
                  <a:gd name="connsiteY3" fmla="*/ 239966 h 1540128"/>
                  <a:gd name="connsiteX4" fmla="*/ 808086 w 1115278"/>
                  <a:gd name="connsiteY4" fmla="*/ 11366 h 1540128"/>
                  <a:gd name="connsiteX5" fmla="*/ 1046992 w 1115278"/>
                  <a:gd name="connsiteY5" fmla="*/ 102212 h 1540128"/>
                  <a:gd name="connsiteX6" fmla="*/ 1089854 w 1115278"/>
                  <a:gd name="connsiteY6" fmla="*/ 330811 h 1540128"/>
                  <a:gd name="connsiteX7" fmla="*/ 846966 w 1115278"/>
                  <a:gd name="connsiteY7" fmla="*/ 630849 h 1540128"/>
                  <a:gd name="connsiteX8" fmla="*/ 518354 w 1115278"/>
                  <a:gd name="connsiteY8" fmla="*/ 1016611 h 1540128"/>
                  <a:gd name="connsiteX9" fmla="*/ 589792 w 1115278"/>
                  <a:gd name="connsiteY9" fmla="*/ 1288074 h 1540128"/>
                  <a:gd name="connsiteX10" fmla="*/ 718379 w 1115278"/>
                  <a:gd name="connsiteY10" fmla="*/ 1459524 h 1540128"/>
                  <a:gd name="connsiteX11" fmla="*/ 532641 w 1115278"/>
                  <a:gd name="connsiteY11" fmla="*/ 1530961 h 154012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1115278" h="1540128">
                    <a:moveTo>
                      <a:pt x="522338" y="1540128"/>
                    </a:moveTo>
                    <a:cubicBezTo>
                      <a:pt x="377746" y="1515462"/>
                      <a:pt x="60375" y="1368679"/>
                      <a:pt x="7987" y="1182941"/>
                    </a:cubicBezTo>
                    <a:cubicBezTo>
                      <a:pt x="-44401" y="997204"/>
                      <a:pt x="174675" y="954341"/>
                      <a:pt x="265162" y="768604"/>
                    </a:cubicBezTo>
                    <a:cubicBezTo>
                      <a:pt x="355649" y="582867"/>
                      <a:pt x="253256" y="373316"/>
                      <a:pt x="379462" y="239966"/>
                    </a:cubicBezTo>
                    <a:cubicBezTo>
                      <a:pt x="520620" y="60519"/>
                      <a:pt x="701593" y="34325"/>
                      <a:pt x="808086" y="11366"/>
                    </a:cubicBezTo>
                    <a:cubicBezTo>
                      <a:pt x="914579" y="-11593"/>
                      <a:pt x="957168" y="-8179"/>
                      <a:pt x="1046992" y="102212"/>
                    </a:cubicBezTo>
                    <a:cubicBezTo>
                      <a:pt x="1136816" y="212603"/>
                      <a:pt x="1123192" y="242705"/>
                      <a:pt x="1089854" y="330811"/>
                    </a:cubicBezTo>
                    <a:cubicBezTo>
                      <a:pt x="1056516" y="418917"/>
                      <a:pt x="942216" y="516549"/>
                      <a:pt x="846966" y="630849"/>
                    </a:cubicBezTo>
                    <a:cubicBezTo>
                      <a:pt x="751716" y="745149"/>
                      <a:pt x="561216" y="907073"/>
                      <a:pt x="518354" y="1016611"/>
                    </a:cubicBezTo>
                    <a:cubicBezTo>
                      <a:pt x="475492" y="1126149"/>
                      <a:pt x="556455" y="1214255"/>
                      <a:pt x="589792" y="1288074"/>
                    </a:cubicBezTo>
                    <a:cubicBezTo>
                      <a:pt x="623129" y="1361893"/>
                      <a:pt x="727904" y="1419043"/>
                      <a:pt x="718379" y="1459524"/>
                    </a:cubicBezTo>
                    <a:cubicBezTo>
                      <a:pt x="708854" y="1500005"/>
                      <a:pt x="532641" y="1530961"/>
                      <a:pt x="532641" y="153096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9" name="Freeform 8"/>
              <p:cNvSpPr/>
              <p:nvPr/>
            </p:nvSpPr>
            <p:spPr>
              <a:xfrm>
                <a:off x="4231386" y="2088371"/>
                <a:ext cx="922053" cy="1542322"/>
              </a:xfrm>
              <a:custGeom>
                <a:avLst/>
                <a:gdLst>
                  <a:gd name="connsiteX0" fmla="*/ 157163 w 542652"/>
                  <a:gd name="connsiteY0" fmla="*/ 0 h 708965"/>
                  <a:gd name="connsiteX1" fmla="*/ 514350 w 542652"/>
                  <a:gd name="connsiteY1" fmla="*/ 300038 h 708965"/>
                  <a:gd name="connsiteX2" fmla="*/ 471488 w 542652"/>
                  <a:gd name="connsiteY2" fmla="*/ 685800 h 708965"/>
                  <a:gd name="connsiteX3" fmla="*/ 85725 w 542652"/>
                  <a:gd name="connsiteY3" fmla="*/ 642938 h 708965"/>
                  <a:gd name="connsiteX4" fmla="*/ 285750 w 542652"/>
                  <a:gd name="connsiteY4" fmla="*/ 457200 h 708965"/>
                  <a:gd name="connsiteX5" fmla="*/ 242888 w 542652"/>
                  <a:gd name="connsiteY5" fmla="*/ 171450 h 708965"/>
                  <a:gd name="connsiteX6" fmla="*/ 0 w 542652"/>
                  <a:gd name="connsiteY6" fmla="*/ 114300 h 708965"/>
                  <a:gd name="connsiteX0" fmla="*/ 197173 w 582662"/>
                  <a:gd name="connsiteY0" fmla="*/ 0 h 708965"/>
                  <a:gd name="connsiteX1" fmla="*/ 554360 w 582662"/>
                  <a:gd name="connsiteY1" fmla="*/ 300038 h 708965"/>
                  <a:gd name="connsiteX2" fmla="*/ 511498 w 582662"/>
                  <a:gd name="connsiteY2" fmla="*/ 685800 h 708965"/>
                  <a:gd name="connsiteX3" fmla="*/ 125735 w 582662"/>
                  <a:gd name="connsiteY3" fmla="*/ 642938 h 708965"/>
                  <a:gd name="connsiteX4" fmla="*/ 325760 w 582662"/>
                  <a:gd name="connsiteY4" fmla="*/ 457200 h 708965"/>
                  <a:gd name="connsiteX5" fmla="*/ 282898 w 582662"/>
                  <a:gd name="connsiteY5" fmla="*/ 171450 h 708965"/>
                  <a:gd name="connsiteX6" fmla="*/ 40010 w 582662"/>
                  <a:gd name="connsiteY6" fmla="*/ 114300 h 708965"/>
                  <a:gd name="connsiteX7" fmla="*/ 0 w 582662"/>
                  <a:gd name="connsiteY7" fmla="*/ 126865 h 708965"/>
                  <a:gd name="connsiteX0" fmla="*/ 164331 w 549820"/>
                  <a:gd name="connsiteY0" fmla="*/ 1768 h 710733"/>
                  <a:gd name="connsiteX1" fmla="*/ 521518 w 549820"/>
                  <a:gd name="connsiteY1" fmla="*/ 301806 h 710733"/>
                  <a:gd name="connsiteX2" fmla="*/ 478656 w 549820"/>
                  <a:gd name="connsiteY2" fmla="*/ 687568 h 710733"/>
                  <a:gd name="connsiteX3" fmla="*/ 92893 w 549820"/>
                  <a:gd name="connsiteY3" fmla="*/ 644706 h 710733"/>
                  <a:gd name="connsiteX4" fmla="*/ 292918 w 549820"/>
                  <a:gd name="connsiteY4" fmla="*/ 458968 h 710733"/>
                  <a:gd name="connsiteX5" fmla="*/ 250056 w 549820"/>
                  <a:gd name="connsiteY5" fmla="*/ 173218 h 710733"/>
                  <a:gd name="connsiteX6" fmla="*/ 7168 w 549820"/>
                  <a:gd name="connsiteY6" fmla="*/ 116068 h 710733"/>
                  <a:gd name="connsiteX7" fmla="*/ 152896 w 549820"/>
                  <a:gd name="connsiteY7" fmla="*/ 45 h 710733"/>
                  <a:gd name="connsiteX0" fmla="*/ 164331 w 549820"/>
                  <a:gd name="connsiteY0" fmla="*/ 1768 h 710733"/>
                  <a:gd name="connsiteX1" fmla="*/ 521518 w 549820"/>
                  <a:gd name="connsiteY1" fmla="*/ 301806 h 710733"/>
                  <a:gd name="connsiteX2" fmla="*/ 478656 w 549820"/>
                  <a:gd name="connsiteY2" fmla="*/ 687568 h 710733"/>
                  <a:gd name="connsiteX3" fmla="*/ 92893 w 549820"/>
                  <a:gd name="connsiteY3" fmla="*/ 644706 h 710733"/>
                  <a:gd name="connsiteX4" fmla="*/ 292918 w 549820"/>
                  <a:gd name="connsiteY4" fmla="*/ 458968 h 710733"/>
                  <a:gd name="connsiteX5" fmla="*/ 221481 w 549820"/>
                  <a:gd name="connsiteY5" fmla="*/ 244656 h 710733"/>
                  <a:gd name="connsiteX6" fmla="*/ 7168 w 549820"/>
                  <a:gd name="connsiteY6" fmla="*/ 116068 h 710733"/>
                  <a:gd name="connsiteX7" fmla="*/ 152896 w 549820"/>
                  <a:gd name="connsiteY7" fmla="*/ 45 h 710733"/>
                  <a:gd name="connsiteX0" fmla="*/ 164331 w 549820"/>
                  <a:gd name="connsiteY0" fmla="*/ 1768 h 744758"/>
                  <a:gd name="connsiteX1" fmla="*/ 521518 w 549820"/>
                  <a:gd name="connsiteY1" fmla="*/ 301806 h 744758"/>
                  <a:gd name="connsiteX2" fmla="*/ 478656 w 549820"/>
                  <a:gd name="connsiteY2" fmla="*/ 687568 h 744758"/>
                  <a:gd name="connsiteX3" fmla="*/ 92893 w 549820"/>
                  <a:gd name="connsiteY3" fmla="*/ 644706 h 744758"/>
                  <a:gd name="connsiteX4" fmla="*/ 292918 w 549820"/>
                  <a:gd name="connsiteY4" fmla="*/ 458968 h 744758"/>
                  <a:gd name="connsiteX5" fmla="*/ 221481 w 549820"/>
                  <a:gd name="connsiteY5" fmla="*/ 244656 h 744758"/>
                  <a:gd name="connsiteX6" fmla="*/ 7168 w 549820"/>
                  <a:gd name="connsiteY6" fmla="*/ 116068 h 744758"/>
                  <a:gd name="connsiteX7" fmla="*/ 152896 w 549820"/>
                  <a:gd name="connsiteY7" fmla="*/ 45 h 744758"/>
                  <a:gd name="connsiteX0" fmla="*/ 164331 w 549820"/>
                  <a:gd name="connsiteY0" fmla="*/ 1768 h 709900"/>
                  <a:gd name="connsiteX1" fmla="*/ 521518 w 549820"/>
                  <a:gd name="connsiteY1" fmla="*/ 301806 h 709900"/>
                  <a:gd name="connsiteX2" fmla="*/ 478656 w 549820"/>
                  <a:gd name="connsiteY2" fmla="*/ 687568 h 709900"/>
                  <a:gd name="connsiteX3" fmla="*/ 92893 w 549820"/>
                  <a:gd name="connsiteY3" fmla="*/ 644706 h 709900"/>
                  <a:gd name="connsiteX4" fmla="*/ 392930 w 549820"/>
                  <a:gd name="connsiteY4" fmla="*/ 487543 h 709900"/>
                  <a:gd name="connsiteX5" fmla="*/ 221481 w 549820"/>
                  <a:gd name="connsiteY5" fmla="*/ 244656 h 709900"/>
                  <a:gd name="connsiteX6" fmla="*/ 7168 w 549820"/>
                  <a:gd name="connsiteY6" fmla="*/ 116068 h 709900"/>
                  <a:gd name="connsiteX7" fmla="*/ 152896 w 549820"/>
                  <a:gd name="connsiteY7" fmla="*/ 45 h 709900"/>
                  <a:gd name="connsiteX0" fmla="*/ 164331 w 549820"/>
                  <a:gd name="connsiteY0" fmla="*/ 1768 h 710733"/>
                  <a:gd name="connsiteX1" fmla="*/ 521518 w 549820"/>
                  <a:gd name="connsiteY1" fmla="*/ 301806 h 710733"/>
                  <a:gd name="connsiteX2" fmla="*/ 478656 w 549820"/>
                  <a:gd name="connsiteY2" fmla="*/ 687568 h 710733"/>
                  <a:gd name="connsiteX3" fmla="*/ 92893 w 549820"/>
                  <a:gd name="connsiteY3" fmla="*/ 644706 h 710733"/>
                  <a:gd name="connsiteX4" fmla="*/ 335780 w 549820"/>
                  <a:gd name="connsiteY4" fmla="*/ 458968 h 710733"/>
                  <a:gd name="connsiteX5" fmla="*/ 221481 w 549820"/>
                  <a:gd name="connsiteY5" fmla="*/ 244656 h 710733"/>
                  <a:gd name="connsiteX6" fmla="*/ 7168 w 549820"/>
                  <a:gd name="connsiteY6" fmla="*/ 116068 h 710733"/>
                  <a:gd name="connsiteX7" fmla="*/ 152896 w 549820"/>
                  <a:gd name="connsiteY7" fmla="*/ 45 h 710733"/>
                  <a:gd name="connsiteX0" fmla="*/ 164331 w 549820"/>
                  <a:gd name="connsiteY0" fmla="*/ 1768 h 739371"/>
                  <a:gd name="connsiteX1" fmla="*/ 521518 w 549820"/>
                  <a:gd name="connsiteY1" fmla="*/ 301806 h 739371"/>
                  <a:gd name="connsiteX2" fmla="*/ 478656 w 549820"/>
                  <a:gd name="connsiteY2" fmla="*/ 687568 h 739371"/>
                  <a:gd name="connsiteX3" fmla="*/ 92893 w 549820"/>
                  <a:gd name="connsiteY3" fmla="*/ 644706 h 739371"/>
                  <a:gd name="connsiteX4" fmla="*/ 335780 w 549820"/>
                  <a:gd name="connsiteY4" fmla="*/ 458968 h 739371"/>
                  <a:gd name="connsiteX5" fmla="*/ 221481 w 549820"/>
                  <a:gd name="connsiteY5" fmla="*/ 244656 h 739371"/>
                  <a:gd name="connsiteX6" fmla="*/ 7168 w 549820"/>
                  <a:gd name="connsiteY6" fmla="*/ 116068 h 739371"/>
                  <a:gd name="connsiteX7" fmla="*/ 152896 w 549820"/>
                  <a:gd name="connsiteY7" fmla="*/ 45 h 739371"/>
                  <a:gd name="connsiteX0" fmla="*/ 164331 w 549820"/>
                  <a:gd name="connsiteY0" fmla="*/ 1768 h 750308"/>
                  <a:gd name="connsiteX1" fmla="*/ 521518 w 549820"/>
                  <a:gd name="connsiteY1" fmla="*/ 301806 h 750308"/>
                  <a:gd name="connsiteX2" fmla="*/ 478656 w 549820"/>
                  <a:gd name="connsiteY2" fmla="*/ 687568 h 750308"/>
                  <a:gd name="connsiteX3" fmla="*/ 92893 w 549820"/>
                  <a:gd name="connsiteY3" fmla="*/ 644706 h 750308"/>
                  <a:gd name="connsiteX4" fmla="*/ 335780 w 549820"/>
                  <a:gd name="connsiteY4" fmla="*/ 458968 h 750308"/>
                  <a:gd name="connsiteX5" fmla="*/ 221481 w 549820"/>
                  <a:gd name="connsiteY5" fmla="*/ 244656 h 750308"/>
                  <a:gd name="connsiteX6" fmla="*/ 7168 w 549820"/>
                  <a:gd name="connsiteY6" fmla="*/ 116068 h 750308"/>
                  <a:gd name="connsiteX7" fmla="*/ 152896 w 549820"/>
                  <a:gd name="connsiteY7" fmla="*/ 45 h 750308"/>
                  <a:gd name="connsiteX0" fmla="*/ 164331 w 549820"/>
                  <a:gd name="connsiteY0" fmla="*/ 1768 h 734192"/>
                  <a:gd name="connsiteX1" fmla="*/ 521518 w 549820"/>
                  <a:gd name="connsiteY1" fmla="*/ 301806 h 734192"/>
                  <a:gd name="connsiteX2" fmla="*/ 478656 w 549820"/>
                  <a:gd name="connsiteY2" fmla="*/ 687568 h 734192"/>
                  <a:gd name="connsiteX3" fmla="*/ 92893 w 549820"/>
                  <a:gd name="connsiteY3" fmla="*/ 644706 h 734192"/>
                  <a:gd name="connsiteX4" fmla="*/ 335780 w 549820"/>
                  <a:gd name="connsiteY4" fmla="*/ 458968 h 734192"/>
                  <a:gd name="connsiteX5" fmla="*/ 221481 w 549820"/>
                  <a:gd name="connsiteY5" fmla="*/ 244656 h 734192"/>
                  <a:gd name="connsiteX6" fmla="*/ 7168 w 549820"/>
                  <a:gd name="connsiteY6" fmla="*/ 116068 h 734192"/>
                  <a:gd name="connsiteX7" fmla="*/ 152896 w 549820"/>
                  <a:gd name="connsiteY7" fmla="*/ 45 h 734192"/>
                  <a:gd name="connsiteX0" fmla="*/ 171262 w 556751"/>
                  <a:gd name="connsiteY0" fmla="*/ 401783 h 1134207"/>
                  <a:gd name="connsiteX1" fmla="*/ 528449 w 556751"/>
                  <a:gd name="connsiteY1" fmla="*/ 701821 h 1134207"/>
                  <a:gd name="connsiteX2" fmla="*/ 485587 w 556751"/>
                  <a:gd name="connsiteY2" fmla="*/ 1087583 h 1134207"/>
                  <a:gd name="connsiteX3" fmla="*/ 99824 w 556751"/>
                  <a:gd name="connsiteY3" fmla="*/ 1044721 h 1134207"/>
                  <a:gd name="connsiteX4" fmla="*/ 342711 w 556751"/>
                  <a:gd name="connsiteY4" fmla="*/ 858983 h 1134207"/>
                  <a:gd name="connsiteX5" fmla="*/ 228412 w 556751"/>
                  <a:gd name="connsiteY5" fmla="*/ 644671 h 1134207"/>
                  <a:gd name="connsiteX6" fmla="*/ 14099 w 556751"/>
                  <a:gd name="connsiteY6" fmla="*/ 516083 h 1134207"/>
                  <a:gd name="connsiteX7" fmla="*/ 45527 w 556751"/>
                  <a:gd name="connsiteY7" fmla="*/ 10 h 1134207"/>
                  <a:gd name="connsiteX0" fmla="*/ 0 w 600246"/>
                  <a:gd name="connsiteY0" fmla="*/ 0 h 1146761"/>
                  <a:gd name="connsiteX1" fmla="*/ 557212 w 600246"/>
                  <a:gd name="connsiteY1" fmla="*/ 714375 h 1146761"/>
                  <a:gd name="connsiteX2" fmla="*/ 514350 w 600246"/>
                  <a:gd name="connsiteY2" fmla="*/ 1100137 h 1146761"/>
                  <a:gd name="connsiteX3" fmla="*/ 128587 w 600246"/>
                  <a:gd name="connsiteY3" fmla="*/ 1057275 h 1146761"/>
                  <a:gd name="connsiteX4" fmla="*/ 371474 w 600246"/>
                  <a:gd name="connsiteY4" fmla="*/ 871537 h 1146761"/>
                  <a:gd name="connsiteX5" fmla="*/ 257175 w 600246"/>
                  <a:gd name="connsiteY5" fmla="*/ 657225 h 1146761"/>
                  <a:gd name="connsiteX6" fmla="*/ 42862 w 600246"/>
                  <a:gd name="connsiteY6" fmla="*/ 528637 h 1146761"/>
                  <a:gd name="connsiteX7" fmla="*/ 74290 w 600246"/>
                  <a:gd name="connsiteY7" fmla="*/ 12564 h 1146761"/>
                  <a:gd name="connsiteX0" fmla="*/ 0 w 600246"/>
                  <a:gd name="connsiteY0" fmla="*/ 258904 h 1405665"/>
                  <a:gd name="connsiteX1" fmla="*/ 557212 w 600246"/>
                  <a:gd name="connsiteY1" fmla="*/ 973279 h 1405665"/>
                  <a:gd name="connsiteX2" fmla="*/ 514350 w 600246"/>
                  <a:gd name="connsiteY2" fmla="*/ 1359041 h 1405665"/>
                  <a:gd name="connsiteX3" fmla="*/ 128587 w 600246"/>
                  <a:gd name="connsiteY3" fmla="*/ 1316179 h 1405665"/>
                  <a:gd name="connsiteX4" fmla="*/ 371474 w 600246"/>
                  <a:gd name="connsiteY4" fmla="*/ 1130441 h 1405665"/>
                  <a:gd name="connsiteX5" fmla="*/ 257175 w 600246"/>
                  <a:gd name="connsiteY5" fmla="*/ 916129 h 1405665"/>
                  <a:gd name="connsiteX6" fmla="*/ 42862 w 600246"/>
                  <a:gd name="connsiteY6" fmla="*/ 787541 h 1405665"/>
                  <a:gd name="connsiteX7" fmla="*/ 102865 w 600246"/>
                  <a:gd name="connsiteY7" fmla="*/ 6 h 1405665"/>
                  <a:gd name="connsiteX0" fmla="*/ 54217 w 562416"/>
                  <a:gd name="connsiteY0" fmla="*/ 1729 h 1405665"/>
                  <a:gd name="connsiteX1" fmla="*/ 525704 w 562416"/>
                  <a:gd name="connsiteY1" fmla="*/ 973279 h 1405665"/>
                  <a:gd name="connsiteX2" fmla="*/ 482842 w 562416"/>
                  <a:gd name="connsiteY2" fmla="*/ 1359041 h 1405665"/>
                  <a:gd name="connsiteX3" fmla="*/ 97079 w 562416"/>
                  <a:gd name="connsiteY3" fmla="*/ 1316179 h 1405665"/>
                  <a:gd name="connsiteX4" fmla="*/ 339966 w 562416"/>
                  <a:gd name="connsiteY4" fmla="*/ 1130441 h 1405665"/>
                  <a:gd name="connsiteX5" fmla="*/ 225667 w 562416"/>
                  <a:gd name="connsiteY5" fmla="*/ 916129 h 1405665"/>
                  <a:gd name="connsiteX6" fmla="*/ 11354 w 562416"/>
                  <a:gd name="connsiteY6" fmla="*/ 787541 h 1405665"/>
                  <a:gd name="connsiteX7" fmla="*/ 71357 w 562416"/>
                  <a:gd name="connsiteY7" fmla="*/ 6 h 1405665"/>
                  <a:gd name="connsiteX0" fmla="*/ 54217 w 546263"/>
                  <a:gd name="connsiteY0" fmla="*/ 1729 h 1405665"/>
                  <a:gd name="connsiteX1" fmla="*/ 274220 w 546263"/>
                  <a:gd name="connsiteY1" fmla="*/ 338753 h 1405665"/>
                  <a:gd name="connsiteX2" fmla="*/ 525704 w 546263"/>
                  <a:gd name="connsiteY2" fmla="*/ 973279 h 1405665"/>
                  <a:gd name="connsiteX3" fmla="*/ 482842 w 546263"/>
                  <a:gd name="connsiteY3" fmla="*/ 1359041 h 1405665"/>
                  <a:gd name="connsiteX4" fmla="*/ 97079 w 546263"/>
                  <a:gd name="connsiteY4" fmla="*/ 1316179 h 1405665"/>
                  <a:gd name="connsiteX5" fmla="*/ 339966 w 546263"/>
                  <a:gd name="connsiteY5" fmla="*/ 1130441 h 1405665"/>
                  <a:gd name="connsiteX6" fmla="*/ 225667 w 546263"/>
                  <a:gd name="connsiteY6" fmla="*/ 916129 h 1405665"/>
                  <a:gd name="connsiteX7" fmla="*/ 11354 w 546263"/>
                  <a:gd name="connsiteY7" fmla="*/ 787541 h 1405665"/>
                  <a:gd name="connsiteX8" fmla="*/ 71357 w 546263"/>
                  <a:gd name="connsiteY8" fmla="*/ 6 h 1405665"/>
                  <a:gd name="connsiteX0" fmla="*/ 54217 w 553588"/>
                  <a:gd name="connsiteY0" fmla="*/ 1729 h 1405665"/>
                  <a:gd name="connsiteX1" fmla="*/ 174207 w 553588"/>
                  <a:gd name="connsiteY1" fmla="*/ 338753 h 1405665"/>
                  <a:gd name="connsiteX2" fmla="*/ 525704 w 553588"/>
                  <a:gd name="connsiteY2" fmla="*/ 973279 h 1405665"/>
                  <a:gd name="connsiteX3" fmla="*/ 482842 w 553588"/>
                  <a:gd name="connsiteY3" fmla="*/ 1359041 h 1405665"/>
                  <a:gd name="connsiteX4" fmla="*/ 97079 w 553588"/>
                  <a:gd name="connsiteY4" fmla="*/ 1316179 h 1405665"/>
                  <a:gd name="connsiteX5" fmla="*/ 339966 w 553588"/>
                  <a:gd name="connsiteY5" fmla="*/ 1130441 h 1405665"/>
                  <a:gd name="connsiteX6" fmla="*/ 225667 w 553588"/>
                  <a:gd name="connsiteY6" fmla="*/ 916129 h 1405665"/>
                  <a:gd name="connsiteX7" fmla="*/ 11354 w 553588"/>
                  <a:gd name="connsiteY7" fmla="*/ 787541 h 1405665"/>
                  <a:gd name="connsiteX8" fmla="*/ 71357 w 553588"/>
                  <a:gd name="connsiteY8" fmla="*/ 6 h 1405665"/>
                  <a:gd name="connsiteX0" fmla="*/ 54217 w 548150"/>
                  <a:gd name="connsiteY0" fmla="*/ 1729 h 1451199"/>
                  <a:gd name="connsiteX1" fmla="*/ 174207 w 548150"/>
                  <a:gd name="connsiteY1" fmla="*/ 338753 h 1451199"/>
                  <a:gd name="connsiteX2" fmla="*/ 525704 w 548150"/>
                  <a:gd name="connsiteY2" fmla="*/ 973279 h 1451199"/>
                  <a:gd name="connsiteX3" fmla="*/ 482842 w 548150"/>
                  <a:gd name="connsiteY3" fmla="*/ 1359041 h 1451199"/>
                  <a:gd name="connsiteX4" fmla="*/ 239954 w 548150"/>
                  <a:gd name="connsiteY4" fmla="*/ 1387617 h 1451199"/>
                  <a:gd name="connsiteX5" fmla="*/ 339966 w 548150"/>
                  <a:gd name="connsiteY5" fmla="*/ 1130441 h 1451199"/>
                  <a:gd name="connsiteX6" fmla="*/ 225667 w 548150"/>
                  <a:gd name="connsiteY6" fmla="*/ 916129 h 1451199"/>
                  <a:gd name="connsiteX7" fmla="*/ 11354 w 548150"/>
                  <a:gd name="connsiteY7" fmla="*/ 787541 h 1451199"/>
                  <a:gd name="connsiteX8" fmla="*/ 71357 w 548150"/>
                  <a:gd name="connsiteY8" fmla="*/ 6 h 1451199"/>
                  <a:gd name="connsiteX0" fmla="*/ 0 w 493933"/>
                  <a:gd name="connsiteY0" fmla="*/ 1730 h 1451200"/>
                  <a:gd name="connsiteX1" fmla="*/ 119990 w 493933"/>
                  <a:gd name="connsiteY1" fmla="*/ 338754 h 1451200"/>
                  <a:gd name="connsiteX2" fmla="*/ 471487 w 493933"/>
                  <a:gd name="connsiteY2" fmla="*/ 973280 h 1451200"/>
                  <a:gd name="connsiteX3" fmla="*/ 428625 w 493933"/>
                  <a:gd name="connsiteY3" fmla="*/ 1359042 h 1451200"/>
                  <a:gd name="connsiteX4" fmla="*/ 185737 w 493933"/>
                  <a:gd name="connsiteY4" fmla="*/ 1387618 h 1451200"/>
                  <a:gd name="connsiteX5" fmla="*/ 285749 w 493933"/>
                  <a:gd name="connsiteY5" fmla="*/ 1130442 h 1451200"/>
                  <a:gd name="connsiteX6" fmla="*/ 171450 w 493933"/>
                  <a:gd name="connsiteY6" fmla="*/ 916130 h 1451200"/>
                  <a:gd name="connsiteX7" fmla="*/ 57150 w 493933"/>
                  <a:gd name="connsiteY7" fmla="*/ 658955 h 1451200"/>
                  <a:gd name="connsiteX8" fmla="*/ 17140 w 493933"/>
                  <a:gd name="connsiteY8" fmla="*/ 7 h 1451200"/>
                  <a:gd name="connsiteX0" fmla="*/ 0 w 493933"/>
                  <a:gd name="connsiteY0" fmla="*/ 0 h 1449470"/>
                  <a:gd name="connsiteX1" fmla="*/ 119990 w 493933"/>
                  <a:gd name="connsiteY1" fmla="*/ 337024 h 1449470"/>
                  <a:gd name="connsiteX2" fmla="*/ 471487 w 493933"/>
                  <a:gd name="connsiteY2" fmla="*/ 971550 h 1449470"/>
                  <a:gd name="connsiteX3" fmla="*/ 428625 w 493933"/>
                  <a:gd name="connsiteY3" fmla="*/ 1357312 h 1449470"/>
                  <a:gd name="connsiteX4" fmla="*/ 185737 w 493933"/>
                  <a:gd name="connsiteY4" fmla="*/ 1385888 h 1449470"/>
                  <a:gd name="connsiteX5" fmla="*/ 285749 w 493933"/>
                  <a:gd name="connsiteY5" fmla="*/ 1128712 h 1449470"/>
                  <a:gd name="connsiteX6" fmla="*/ 171450 w 493933"/>
                  <a:gd name="connsiteY6" fmla="*/ 914400 h 1449470"/>
                  <a:gd name="connsiteX7" fmla="*/ 57150 w 493933"/>
                  <a:gd name="connsiteY7" fmla="*/ 657225 h 1449470"/>
                  <a:gd name="connsiteX8" fmla="*/ 174302 w 493933"/>
                  <a:gd name="connsiteY8" fmla="*/ 141152 h 1449470"/>
                  <a:gd name="connsiteX0" fmla="*/ 0 w 488667"/>
                  <a:gd name="connsiteY0" fmla="*/ 0 h 1449470"/>
                  <a:gd name="connsiteX1" fmla="*/ 191427 w 488667"/>
                  <a:gd name="connsiteY1" fmla="*/ 237011 h 1449470"/>
                  <a:gd name="connsiteX2" fmla="*/ 471487 w 488667"/>
                  <a:gd name="connsiteY2" fmla="*/ 971550 h 1449470"/>
                  <a:gd name="connsiteX3" fmla="*/ 428625 w 488667"/>
                  <a:gd name="connsiteY3" fmla="*/ 1357312 h 1449470"/>
                  <a:gd name="connsiteX4" fmla="*/ 185737 w 488667"/>
                  <a:gd name="connsiteY4" fmla="*/ 1385888 h 1449470"/>
                  <a:gd name="connsiteX5" fmla="*/ 285749 w 488667"/>
                  <a:gd name="connsiteY5" fmla="*/ 1128712 h 1449470"/>
                  <a:gd name="connsiteX6" fmla="*/ 171450 w 488667"/>
                  <a:gd name="connsiteY6" fmla="*/ 914400 h 1449470"/>
                  <a:gd name="connsiteX7" fmla="*/ 57150 w 488667"/>
                  <a:gd name="connsiteY7" fmla="*/ 657225 h 1449470"/>
                  <a:gd name="connsiteX8" fmla="*/ 174302 w 488667"/>
                  <a:gd name="connsiteY8" fmla="*/ 141152 h 1449470"/>
                  <a:gd name="connsiteX0" fmla="*/ 51035 w 439689"/>
                  <a:gd name="connsiteY0" fmla="*/ 30309 h 1308329"/>
                  <a:gd name="connsiteX1" fmla="*/ 142449 w 439689"/>
                  <a:gd name="connsiteY1" fmla="*/ 95870 h 1308329"/>
                  <a:gd name="connsiteX2" fmla="*/ 422509 w 439689"/>
                  <a:gd name="connsiteY2" fmla="*/ 830409 h 1308329"/>
                  <a:gd name="connsiteX3" fmla="*/ 379647 w 439689"/>
                  <a:gd name="connsiteY3" fmla="*/ 1216171 h 1308329"/>
                  <a:gd name="connsiteX4" fmla="*/ 136759 w 439689"/>
                  <a:gd name="connsiteY4" fmla="*/ 1244747 h 1308329"/>
                  <a:gd name="connsiteX5" fmla="*/ 236771 w 439689"/>
                  <a:gd name="connsiteY5" fmla="*/ 987571 h 1308329"/>
                  <a:gd name="connsiteX6" fmla="*/ 122472 w 439689"/>
                  <a:gd name="connsiteY6" fmla="*/ 773259 h 1308329"/>
                  <a:gd name="connsiteX7" fmla="*/ 8172 w 439689"/>
                  <a:gd name="connsiteY7" fmla="*/ 516084 h 1308329"/>
                  <a:gd name="connsiteX8" fmla="*/ 125324 w 439689"/>
                  <a:gd name="connsiteY8" fmla="*/ 11 h 1308329"/>
                  <a:gd name="connsiteX0" fmla="*/ 92478 w 481132"/>
                  <a:gd name="connsiteY0" fmla="*/ 30315 h 1308335"/>
                  <a:gd name="connsiteX1" fmla="*/ 183892 w 481132"/>
                  <a:gd name="connsiteY1" fmla="*/ 95876 h 1308335"/>
                  <a:gd name="connsiteX2" fmla="*/ 463952 w 481132"/>
                  <a:gd name="connsiteY2" fmla="*/ 830415 h 1308335"/>
                  <a:gd name="connsiteX3" fmla="*/ 421090 w 481132"/>
                  <a:gd name="connsiteY3" fmla="*/ 1216177 h 1308335"/>
                  <a:gd name="connsiteX4" fmla="*/ 178202 w 481132"/>
                  <a:gd name="connsiteY4" fmla="*/ 1244753 h 1308335"/>
                  <a:gd name="connsiteX5" fmla="*/ 278214 w 481132"/>
                  <a:gd name="connsiteY5" fmla="*/ 987577 h 1308335"/>
                  <a:gd name="connsiteX6" fmla="*/ 163915 w 481132"/>
                  <a:gd name="connsiteY6" fmla="*/ 773265 h 1308335"/>
                  <a:gd name="connsiteX7" fmla="*/ 6752 w 481132"/>
                  <a:gd name="connsiteY7" fmla="*/ 301778 h 1308335"/>
                  <a:gd name="connsiteX8" fmla="*/ 166767 w 481132"/>
                  <a:gd name="connsiteY8" fmla="*/ 17 h 1308335"/>
                  <a:gd name="connsiteX0" fmla="*/ 176463 w 565117"/>
                  <a:gd name="connsiteY0" fmla="*/ 30309 h 1308329"/>
                  <a:gd name="connsiteX1" fmla="*/ 267877 w 565117"/>
                  <a:gd name="connsiteY1" fmla="*/ 95870 h 1308329"/>
                  <a:gd name="connsiteX2" fmla="*/ 547937 w 565117"/>
                  <a:gd name="connsiteY2" fmla="*/ 830409 h 1308329"/>
                  <a:gd name="connsiteX3" fmla="*/ 505075 w 565117"/>
                  <a:gd name="connsiteY3" fmla="*/ 1216171 h 1308329"/>
                  <a:gd name="connsiteX4" fmla="*/ 262187 w 565117"/>
                  <a:gd name="connsiteY4" fmla="*/ 1244747 h 1308329"/>
                  <a:gd name="connsiteX5" fmla="*/ 362199 w 565117"/>
                  <a:gd name="connsiteY5" fmla="*/ 987571 h 1308329"/>
                  <a:gd name="connsiteX6" fmla="*/ 247900 w 565117"/>
                  <a:gd name="connsiteY6" fmla="*/ 773259 h 1308329"/>
                  <a:gd name="connsiteX7" fmla="*/ 5012 w 565117"/>
                  <a:gd name="connsiteY7" fmla="*/ 487510 h 1308329"/>
                  <a:gd name="connsiteX8" fmla="*/ 250752 w 565117"/>
                  <a:gd name="connsiteY8" fmla="*/ 11 h 1308329"/>
                  <a:gd name="connsiteX0" fmla="*/ 162401 w 551055"/>
                  <a:gd name="connsiteY0" fmla="*/ 30312 h 1308332"/>
                  <a:gd name="connsiteX1" fmla="*/ 253815 w 551055"/>
                  <a:gd name="connsiteY1" fmla="*/ 95873 h 1308332"/>
                  <a:gd name="connsiteX2" fmla="*/ 533875 w 551055"/>
                  <a:gd name="connsiteY2" fmla="*/ 830412 h 1308332"/>
                  <a:gd name="connsiteX3" fmla="*/ 491013 w 551055"/>
                  <a:gd name="connsiteY3" fmla="*/ 1216174 h 1308332"/>
                  <a:gd name="connsiteX4" fmla="*/ 248125 w 551055"/>
                  <a:gd name="connsiteY4" fmla="*/ 1244750 h 1308332"/>
                  <a:gd name="connsiteX5" fmla="*/ 348137 w 551055"/>
                  <a:gd name="connsiteY5" fmla="*/ 987574 h 1308332"/>
                  <a:gd name="connsiteX6" fmla="*/ 233838 w 551055"/>
                  <a:gd name="connsiteY6" fmla="*/ 773262 h 1308332"/>
                  <a:gd name="connsiteX7" fmla="*/ 5238 w 551055"/>
                  <a:gd name="connsiteY7" fmla="*/ 358926 h 1308332"/>
                  <a:gd name="connsiteX8" fmla="*/ 236690 w 551055"/>
                  <a:gd name="connsiteY8" fmla="*/ 14 h 1308332"/>
                  <a:gd name="connsiteX0" fmla="*/ 162401 w 551055"/>
                  <a:gd name="connsiteY0" fmla="*/ 30312 h 1308332"/>
                  <a:gd name="connsiteX1" fmla="*/ 253815 w 551055"/>
                  <a:gd name="connsiteY1" fmla="*/ 95873 h 1308332"/>
                  <a:gd name="connsiteX2" fmla="*/ 533875 w 551055"/>
                  <a:gd name="connsiteY2" fmla="*/ 830412 h 1308332"/>
                  <a:gd name="connsiteX3" fmla="*/ 491013 w 551055"/>
                  <a:gd name="connsiteY3" fmla="*/ 1216174 h 1308332"/>
                  <a:gd name="connsiteX4" fmla="*/ 248125 w 551055"/>
                  <a:gd name="connsiteY4" fmla="*/ 1244750 h 1308332"/>
                  <a:gd name="connsiteX5" fmla="*/ 348137 w 551055"/>
                  <a:gd name="connsiteY5" fmla="*/ 987574 h 1308332"/>
                  <a:gd name="connsiteX6" fmla="*/ 233838 w 551055"/>
                  <a:gd name="connsiteY6" fmla="*/ 773262 h 1308332"/>
                  <a:gd name="connsiteX7" fmla="*/ 5238 w 551055"/>
                  <a:gd name="connsiteY7" fmla="*/ 358926 h 1308332"/>
                  <a:gd name="connsiteX8" fmla="*/ 236690 w 551055"/>
                  <a:gd name="connsiteY8" fmla="*/ 14 h 1308332"/>
                  <a:gd name="connsiteX0" fmla="*/ 162401 w 550003"/>
                  <a:gd name="connsiteY0" fmla="*/ 30312 h 1308332"/>
                  <a:gd name="connsiteX1" fmla="*/ 268103 w 550003"/>
                  <a:gd name="connsiteY1" fmla="*/ 324473 h 1308332"/>
                  <a:gd name="connsiteX2" fmla="*/ 533875 w 550003"/>
                  <a:gd name="connsiteY2" fmla="*/ 830412 h 1308332"/>
                  <a:gd name="connsiteX3" fmla="*/ 491013 w 550003"/>
                  <a:gd name="connsiteY3" fmla="*/ 1216174 h 1308332"/>
                  <a:gd name="connsiteX4" fmla="*/ 248125 w 550003"/>
                  <a:gd name="connsiteY4" fmla="*/ 1244750 h 1308332"/>
                  <a:gd name="connsiteX5" fmla="*/ 348137 w 550003"/>
                  <a:gd name="connsiteY5" fmla="*/ 987574 h 1308332"/>
                  <a:gd name="connsiteX6" fmla="*/ 233838 w 550003"/>
                  <a:gd name="connsiteY6" fmla="*/ 773262 h 1308332"/>
                  <a:gd name="connsiteX7" fmla="*/ 5238 w 550003"/>
                  <a:gd name="connsiteY7" fmla="*/ 358926 h 1308332"/>
                  <a:gd name="connsiteX8" fmla="*/ 236690 w 550003"/>
                  <a:gd name="connsiteY8" fmla="*/ 14 h 1308332"/>
                  <a:gd name="connsiteX0" fmla="*/ 162401 w 549555"/>
                  <a:gd name="connsiteY0" fmla="*/ 30312 h 1318957"/>
                  <a:gd name="connsiteX1" fmla="*/ 268103 w 549555"/>
                  <a:gd name="connsiteY1" fmla="*/ 324473 h 1318957"/>
                  <a:gd name="connsiteX2" fmla="*/ 533875 w 549555"/>
                  <a:gd name="connsiteY2" fmla="*/ 830412 h 1318957"/>
                  <a:gd name="connsiteX3" fmla="*/ 491013 w 549555"/>
                  <a:gd name="connsiteY3" fmla="*/ 1216174 h 1318957"/>
                  <a:gd name="connsiteX4" fmla="*/ 262412 w 549555"/>
                  <a:gd name="connsiteY4" fmla="*/ 1259037 h 1318957"/>
                  <a:gd name="connsiteX5" fmla="*/ 348137 w 549555"/>
                  <a:gd name="connsiteY5" fmla="*/ 987574 h 1318957"/>
                  <a:gd name="connsiteX6" fmla="*/ 233838 w 549555"/>
                  <a:gd name="connsiteY6" fmla="*/ 773262 h 1318957"/>
                  <a:gd name="connsiteX7" fmla="*/ 5238 w 549555"/>
                  <a:gd name="connsiteY7" fmla="*/ 358926 h 1318957"/>
                  <a:gd name="connsiteX8" fmla="*/ 236690 w 549555"/>
                  <a:gd name="connsiteY8" fmla="*/ 14 h 1318957"/>
                  <a:gd name="connsiteX0" fmla="*/ 162401 w 554178"/>
                  <a:gd name="connsiteY0" fmla="*/ 30312 h 1357622"/>
                  <a:gd name="connsiteX1" fmla="*/ 268103 w 554178"/>
                  <a:gd name="connsiteY1" fmla="*/ 324473 h 1357622"/>
                  <a:gd name="connsiteX2" fmla="*/ 533875 w 554178"/>
                  <a:gd name="connsiteY2" fmla="*/ 830412 h 1357622"/>
                  <a:gd name="connsiteX3" fmla="*/ 505301 w 554178"/>
                  <a:gd name="connsiteY3" fmla="*/ 1330474 h 1357622"/>
                  <a:gd name="connsiteX4" fmla="*/ 262412 w 554178"/>
                  <a:gd name="connsiteY4" fmla="*/ 1259037 h 1357622"/>
                  <a:gd name="connsiteX5" fmla="*/ 348137 w 554178"/>
                  <a:gd name="connsiteY5" fmla="*/ 987574 h 1357622"/>
                  <a:gd name="connsiteX6" fmla="*/ 233838 w 554178"/>
                  <a:gd name="connsiteY6" fmla="*/ 773262 h 1357622"/>
                  <a:gd name="connsiteX7" fmla="*/ 5238 w 554178"/>
                  <a:gd name="connsiteY7" fmla="*/ 358926 h 1357622"/>
                  <a:gd name="connsiteX8" fmla="*/ 236690 w 554178"/>
                  <a:gd name="connsiteY8" fmla="*/ 14 h 1357622"/>
                  <a:gd name="connsiteX0" fmla="*/ 162401 w 551984"/>
                  <a:gd name="connsiteY0" fmla="*/ 30312 h 1357623"/>
                  <a:gd name="connsiteX1" fmla="*/ 268103 w 551984"/>
                  <a:gd name="connsiteY1" fmla="*/ 324473 h 1357623"/>
                  <a:gd name="connsiteX2" fmla="*/ 533875 w 551984"/>
                  <a:gd name="connsiteY2" fmla="*/ 830412 h 1357623"/>
                  <a:gd name="connsiteX3" fmla="*/ 505301 w 551984"/>
                  <a:gd name="connsiteY3" fmla="*/ 1330474 h 1357623"/>
                  <a:gd name="connsiteX4" fmla="*/ 319562 w 551984"/>
                  <a:gd name="connsiteY4" fmla="*/ 1259037 h 1357623"/>
                  <a:gd name="connsiteX5" fmla="*/ 348137 w 551984"/>
                  <a:gd name="connsiteY5" fmla="*/ 987574 h 1357623"/>
                  <a:gd name="connsiteX6" fmla="*/ 233838 w 551984"/>
                  <a:gd name="connsiteY6" fmla="*/ 773262 h 1357623"/>
                  <a:gd name="connsiteX7" fmla="*/ 5238 w 551984"/>
                  <a:gd name="connsiteY7" fmla="*/ 358926 h 1357623"/>
                  <a:gd name="connsiteX8" fmla="*/ 236690 w 551984"/>
                  <a:gd name="connsiteY8" fmla="*/ 14 h 1357623"/>
                  <a:gd name="connsiteX0" fmla="*/ 162401 w 553600"/>
                  <a:gd name="connsiteY0" fmla="*/ 30312 h 1357622"/>
                  <a:gd name="connsiteX1" fmla="*/ 268103 w 553600"/>
                  <a:gd name="connsiteY1" fmla="*/ 324473 h 1357622"/>
                  <a:gd name="connsiteX2" fmla="*/ 533875 w 553600"/>
                  <a:gd name="connsiteY2" fmla="*/ 830412 h 1357622"/>
                  <a:gd name="connsiteX3" fmla="*/ 505301 w 553600"/>
                  <a:gd name="connsiteY3" fmla="*/ 1330474 h 1357622"/>
                  <a:gd name="connsiteX4" fmla="*/ 276700 w 553600"/>
                  <a:gd name="connsiteY4" fmla="*/ 1259037 h 1357622"/>
                  <a:gd name="connsiteX5" fmla="*/ 348137 w 553600"/>
                  <a:gd name="connsiteY5" fmla="*/ 987574 h 1357622"/>
                  <a:gd name="connsiteX6" fmla="*/ 233838 w 553600"/>
                  <a:gd name="connsiteY6" fmla="*/ 773262 h 1357622"/>
                  <a:gd name="connsiteX7" fmla="*/ 5238 w 553600"/>
                  <a:gd name="connsiteY7" fmla="*/ 358926 h 1357622"/>
                  <a:gd name="connsiteX8" fmla="*/ 236690 w 553600"/>
                  <a:gd name="connsiteY8" fmla="*/ 14 h 1357622"/>
                  <a:gd name="connsiteX0" fmla="*/ 162401 w 553600"/>
                  <a:gd name="connsiteY0" fmla="*/ 30312 h 1373244"/>
                  <a:gd name="connsiteX1" fmla="*/ 268103 w 553600"/>
                  <a:gd name="connsiteY1" fmla="*/ 324473 h 1373244"/>
                  <a:gd name="connsiteX2" fmla="*/ 533875 w 553600"/>
                  <a:gd name="connsiteY2" fmla="*/ 830412 h 1373244"/>
                  <a:gd name="connsiteX3" fmla="*/ 505301 w 553600"/>
                  <a:gd name="connsiteY3" fmla="*/ 1330474 h 1373244"/>
                  <a:gd name="connsiteX4" fmla="*/ 276700 w 553600"/>
                  <a:gd name="connsiteY4" fmla="*/ 1259037 h 1373244"/>
                  <a:gd name="connsiteX5" fmla="*/ 348137 w 553600"/>
                  <a:gd name="connsiteY5" fmla="*/ 987574 h 1373244"/>
                  <a:gd name="connsiteX6" fmla="*/ 233838 w 553600"/>
                  <a:gd name="connsiteY6" fmla="*/ 773262 h 1373244"/>
                  <a:gd name="connsiteX7" fmla="*/ 5238 w 553600"/>
                  <a:gd name="connsiteY7" fmla="*/ 358926 h 1373244"/>
                  <a:gd name="connsiteX8" fmla="*/ 236690 w 553600"/>
                  <a:gd name="connsiteY8" fmla="*/ 14 h 1373244"/>
                  <a:gd name="connsiteX0" fmla="*/ 162401 w 553600"/>
                  <a:gd name="connsiteY0" fmla="*/ 30312 h 1369420"/>
                  <a:gd name="connsiteX1" fmla="*/ 268103 w 553600"/>
                  <a:gd name="connsiteY1" fmla="*/ 324473 h 1369420"/>
                  <a:gd name="connsiteX2" fmla="*/ 533875 w 553600"/>
                  <a:gd name="connsiteY2" fmla="*/ 830412 h 1369420"/>
                  <a:gd name="connsiteX3" fmla="*/ 505301 w 553600"/>
                  <a:gd name="connsiteY3" fmla="*/ 1330474 h 1369420"/>
                  <a:gd name="connsiteX4" fmla="*/ 276700 w 553600"/>
                  <a:gd name="connsiteY4" fmla="*/ 1259037 h 1369420"/>
                  <a:gd name="connsiteX5" fmla="*/ 348137 w 553600"/>
                  <a:gd name="connsiteY5" fmla="*/ 987574 h 1369420"/>
                  <a:gd name="connsiteX6" fmla="*/ 233838 w 553600"/>
                  <a:gd name="connsiteY6" fmla="*/ 773262 h 1369420"/>
                  <a:gd name="connsiteX7" fmla="*/ 5238 w 553600"/>
                  <a:gd name="connsiteY7" fmla="*/ 358926 h 1369420"/>
                  <a:gd name="connsiteX8" fmla="*/ 236690 w 553600"/>
                  <a:gd name="connsiteY8" fmla="*/ 14 h 1369420"/>
                  <a:gd name="connsiteX0" fmla="*/ 162401 w 553600"/>
                  <a:gd name="connsiteY0" fmla="*/ 30312 h 1362831"/>
                  <a:gd name="connsiteX1" fmla="*/ 268103 w 553600"/>
                  <a:gd name="connsiteY1" fmla="*/ 324473 h 1362831"/>
                  <a:gd name="connsiteX2" fmla="*/ 533875 w 553600"/>
                  <a:gd name="connsiteY2" fmla="*/ 830412 h 1362831"/>
                  <a:gd name="connsiteX3" fmla="*/ 505301 w 553600"/>
                  <a:gd name="connsiteY3" fmla="*/ 1330474 h 1362831"/>
                  <a:gd name="connsiteX4" fmla="*/ 276700 w 553600"/>
                  <a:gd name="connsiteY4" fmla="*/ 1259037 h 1362831"/>
                  <a:gd name="connsiteX5" fmla="*/ 348137 w 553600"/>
                  <a:gd name="connsiteY5" fmla="*/ 987574 h 1362831"/>
                  <a:gd name="connsiteX6" fmla="*/ 233838 w 553600"/>
                  <a:gd name="connsiteY6" fmla="*/ 773262 h 1362831"/>
                  <a:gd name="connsiteX7" fmla="*/ 5238 w 553600"/>
                  <a:gd name="connsiteY7" fmla="*/ 358926 h 1362831"/>
                  <a:gd name="connsiteX8" fmla="*/ 236690 w 553600"/>
                  <a:gd name="connsiteY8" fmla="*/ 14 h 1362831"/>
                  <a:gd name="connsiteX0" fmla="*/ 162401 w 824764"/>
                  <a:gd name="connsiteY0" fmla="*/ 30312 h 1294755"/>
                  <a:gd name="connsiteX1" fmla="*/ 268103 w 824764"/>
                  <a:gd name="connsiteY1" fmla="*/ 324473 h 1294755"/>
                  <a:gd name="connsiteX2" fmla="*/ 533875 w 824764"/>
                  <a:gd name="connsiteY2" fmla="*/ 830412 h 1294755"/>
                  <a:gd name="connsiteX3" fmla="*/ 819626 w 824764"/>
                  <a:gd name="connsiteY3" fmla="*/ 1244749 h 1294755"/>
                  <a:gd name="connsiteX4" fmla="*/ 276700 w 824764"/>
                  <a:gd name="connsiteY4" fmla="*/ 1259037 h 1294755"/>
                  <a:gd name="connsiteX5" fmla="*/ 348137 w 824764"/>
                  <a:gd name="connsiteY5" fmla="*/ 987574 h 1294755"/>
                  <a:gd name="connsiteX6" fmla="*/ 233838 w 824764"/>
                  <a:gd name="connsiteY6" fmla="*/ 773262 h 1294755"/>
                  <a:gd name="connsiteX7" fmla="*/ 5238 w 824764"/>
                  <a:gd name="connsiteY7" fmla="*/ 358926 h 1294755"/>
                  <a:gd name="connsiteX8" fmla="*/ 236690 w 824764"/>
                  <a:gd name="connsiteY8" fmla="*/ 14 h 1294755"/>
                  <a:gd name="connsiteX0" fmla="*/ 162401 w 823403"/>
                  <a:gd name="connsiteY0" fmla="*/ 30312 h 1289589"/>
                  <a:gd name="connsiteX1" fmla="*/ 268103 w 823403"/>
                  <a:gd name="connsiteY1" fmla="*/ 324473 h 1289589"/>
                  <a:gd name="connsiteX2" fmla="*/ 505300 w 823403"/>
                  <a:gd name="connsiteY2" fmla="*/ 916137 h 1289589"/>
                  <a:gd name="connsiteX3" fmla="*/ 819626 w 823403"/>
                  <a:gd name="connsiteY3" fmla="*/ 1244749 h 1289589"/>
                  <a:gd name="connsiteX4" fmla="*/ 276700 w 823403"/>
                  <a:gd name="connsiteY4" fmla="*/ 1259037 h 1289589"/>
                  <a:gd name="connsiteX5" fmla="*/ 348137 w 823403"/>
                  <a:gd name="connsiteY5" fmla="*/ 987574 h 1289589"/>
                  <a:gd name="connsiteX6" fmla="*/ 233838 w 823403"/>
                  <a:gd name="connsiteY6" fmla="*/ 773262 h 1289589"/>
                  <a:gd name="connsiteX7" fmla="*/ 5238 w 823403"/>
                  <a:gd name="connsiteY7" fmla="*/ 358926 h 1289589"/>
                  <a:gd name="connsiteX8" fmla="*/ 236690 w 823403"/>
                  <a:gd name="connsiteY8" fmla="*/ 14 h 1289589"/>
                  <a:gd name="connsiteX0" fmla="*/ 162401 w 822771"/>
                  <a:gd name="connsiteY0" fmla="*/ 30312 h 1289589"/>
                  <a:gd name="connsiteX1" fmla="*/ 268103 w 822771"/>
                  <a:gd name="connsiteY1" fmla="*/ 324473 h 1289589"/>
                  <a:gd name="connsiteX2" fmla="*/ 505300 w 822771"/>
                  <a:gd name="connsiteY2" fmla="*/ 916137 h 1289589"/>
                  <a:gd name="connsiteX3" fmla="*/ 819626 w 822771"/>
                  <a:gd name="connsiteY3" fmla="*/ 1244749 h 1289589"/>
                  <a:gd name="connsiteX4" fmla="*/ 648175 w 822771"/>
                  <a:gd name="connsiteY4" fmla="*/ 1259037 h 1289589"/>
                  <a:gd name="connsiteX5" fmla="*/ 348137 w 822771"/>
                  <a:gd name="connsiteY5" fmla="*/ 987574 h 1289589"/>
                  <a:gd name="connsiteX6" fmla="*/ 233838 w 822771"/>
                  <a:gd name="connsiteY6" fmla="*/ 773262 h 1289589"/>
                  <a:gd name="connsiteX7" fmla="*/ 5238 w 822771"/>
                  <a:gd name="connsiteY7" fmla="*/ 358926 h 1289589"/>
                  <a:gd name="connsiteX8" fmla="*/ 236690 w 822771"/>
                  <a:gd name="connsiteY8" fmla="*/ 14 h 1289589"/>
                  <a:gd name="connsiteX0" fmla="*/ 162401 w 864982"/>
                  <a:gd name="connsiteY0" fmla="*/ 30312 h 1261829"/>
                  <a:gd name="connsiteX1" fmla="*/ 268103 w 864982"/>
                  <a:gd name="connsiteY1" fmla="*/ 324473 h 1261829"/>
                  <a:gd name="connsiteX2" fmla="*/ 505300 w 864982"/>
                  <a:gd name="connsiteY2" fmla="*/ 916137 h 1261829"/>
                  <a:gd name="connsiteX3" fmla="*/ 862488 w 864982"/>
                  <a:gd name="connsiteY3" fmla="*/ 1116161 h 1261829"/>
                  <a:gd name="connsiteX4" fmla="*/ 648175 w 864982"/>
                  <a:gd name="connsiteY4" fmla="*/ 1259037 h 1261829"/>
                  <a:gd name="connsiteX5" fmla="*/ 348137 w 864982"/>
                  <a:gd name="connsiteY5" fmla="*/ 987574 h 1261829"/>
                  <a:gd name="connsiteX6" fmla="*/ 233838 w 864982"/>
                  <a:gd name="connsiteY6" fmla="*/ 773262 h 1261829"/>
                  <a:gd name="connsiteX7" fmla="*/ 5238 w 864982"/>
                  <a:gd name="connsiteY7" fmla="*/ 358926 h 1261829"/>
                  <a:gd name="connsiteX8" fmla="*/ 236690 w 864982"/>
                  <a:gd name="connsiteY8" fmla="*/ 14 h 1261829"/>
                  <a:gd name="connsiteX0" fmla="*/ 162401 w 863214"/>
                  <a:gd name="connsiteY0" fmla="*/ 30312 h 1304069"/>
                  <a:gd name="connsiteX1" fmla="*/ 268103 w 863214"/>
                  <a:gd name="connsiteY1" fmla="*/ 324473 h 1304069"/>
                  <a:gd name="connsiteX2" fmla="*/ 505300 w 863214"/>
                  <a:gd name="connsiteY2" fmla="*/ 916137 h 1304069"/>
                  <a:gd name="connsiteX3" fmla="*/ 862488 w 863214"/>
                  <a:gd name="connsiteY3" fmla="*/ 1116161 h 1304069"/>
                  <a:gd name="connsiteX4" fmla="*/ 591025 w 863214"/>
                  <a:gd name="connsiteY4" fmla="*/ 1301900 h 1304069"/>
                  <a:gd name="connsiteX5" fmla="*/ 348137 w 863214"/>
                  <a:gd name="connsiteY5" fmla="*/ 987574 h 1304069"/>
                  <a:gd name="connsiteX6" fmla="*/ 233838 w 863214"/>
                  <a:gd name="connsiteY6" fmla="*/ 773262 h 1304069"/>
                  <a:gd name="connsiteX7" fmla="*/ 5238 w 863214"/>
                  <a:gd name="connsiteY7" fmla="*/ 358926 h 1304069"/>
                  <a:gd name="connsiteX8" fmla="*/ 236690 w 863214"/>
                  <a:gd name="connsiteY8" fmla="*/ 14 h 1304069"/>
                  <a:gd name="connsiteX0" fmla="*/ 162401 w 872380"/>
                  <a:gd name="connsiteY0" fmla="*/ 30312 h 1314752"/>
                  <a:gd name="connsiteX1" fmla="*/ 268103 w 872380"/>
                  <a:gd name="connsiteY1" fmla="*/ 324473 h 1314752"/>
                  <a:gd name="connsiteX2" fmla="*/ 505300 w 872380"/>
                  <a:gd name="connsiteY2" fmla="*/ 916137 h 1314752"/>
                  <a:gd name="connsiteX3" fmla="*/ 862488 w 872380"/>
                  <a:gd name="connsiteY3" fmla="*/ 1116161 h 1314752"/>
                  <a:gd name="connsiteX4" fmla="*/ 756975 w 872380"/>
                  <a:gd name="connsiteY4" fmla="*/ 1240616 h 1314752"/>
                  <a:gd name="connsiteX5" fmla="*/ 591025 w 872380"/>
                  <a:gd name="connsiteY5" fmla="*/ 1301900 h 1314752"/>
                  <a:gd name="connsiteX6" fmla="*/ 348137 w 872380"/>
                  <a:gd name="connsiteY6" fmla="*/ 987574 h 1314752"/>
                  <a:gd name="connsiteX7" fmla="*/ 233838 w 872380"/>
                  <a:gd name="connsiteY7" fmla="*/ 773262 h 1314752"/>
                  <a:gd name="connsiteX8" fmla="*/ 5238 w 872380"/>
                  <a:gd name="connsiteY8" fmla="*/ 358926 h 1314752"/>
                  <a:gd name="connsiteX9" fmla="*/ 236690 w 872380"/>
                  <a:gd name="connsiteY9" fmla="*/ 14 h 1314752"/>
                  <a:gd name="connsiteX0" fmla="*/ 162401 w 892885"/>
                  <a:gd name="connsiteY0" fmla="*/ 30312 h 1393286"/>
                  <a:gd name="connsiteX1" fmla="*/ 268103 w 892885"/>
                  <a:gd name="connsiteY1" fmla="*/ 324473 h 1393286"/>
                  <a:gd name="connsiteX2" fmla="*/ 505300 w 892885"/>
                  <a:gd name="connsiteY2" fmla="*/ 916137 h 1393286"/>
                  <a:gd name="connsiteX3" fmla="*/ 862488 w 892885"/>
                  <a:gd name="connsiteY3" fmla="*/ 1116161 h 1393286"/>
                  <a:gd name="connsiteX4" fmla="*/ 842700 w 892885"/>
                  <a:gd name="connsiteY4" fmla="*/ 1383491 h 1393286"/>
                  <a:gd name="connsiteX5" fmla="*/ 591025 w 892885"/>
                  <a:gd name="connsiteY5" fmla="*/ 1301900 h 1393286"/>
                  <a:gd name="connsiteX6" fmla="*/ 348137 w 892885"/>
                  <a:gd name="connsiteY6" fmla="*/ 987574 h 1393286"/>
                  <a:gd name="connsiteX7" fmla="*/ 233838 w 892885"/>
                  <a:gd name="connsiteY7" fmla="*/ 773262 h 1393286"/>
                  <a:gd name="connsiteX8" fmla="*/ 5238 w 892885"/>
                  <a:gd name="connsiteY8" fmla="*/ 358926 h 1393286"/>
                  <a:gd name="connsiteX9" fmla="*/ 236690 w 892885"/>
                  <a:gd name="connsiteY9" fmla="*/ 14 h 1393286"/>
                  <a:gd name="connsiteX0" fmla="*/ 162401 w 879771"/>
                  <a:gd name="connsiteY0" fmla="*/ 30312 h 1474274"/>
                  <a:gd name="connsiteX1" fmla="*/ 268103 w 879771"/>
                  <a:gd name="connsiteY1" fmla="*/ 324473 h 1474274"/>
                  <a:gd name="connsiteX2" fmla="*/ 505300 w 879771"/>
                  <a:gd name="connsiteY2" fmla="*/ 916137 h 1474274"/>
                  <a:gd name="connsiteX3" fmla="*/ 862488 w 879771"/>
                  <a:gd name="connsiteY3" fmla="*/ 1116161 h 1474274"/>
                  <a:gd name="connsiteX4" fmla="*/ 799838 w 879771"/>
                  <a:gd name="connsiteY4" fmla="*/ 1469216 h 1474274"/>
                  <a:gd name="connsiteX5" fmla="*/ 591025 w 879771"/>
                  <a:gd name="connsiteY5" fmla="*/ 1301900 h 1474274"/>
                  <a:gd name="connsiteX6" fmla="*/ 348137 w 879771"/>
                  <a:gd name="connsiteY6" fmla="*/ 987574 h 1474274"/>
                  <a:gd name="connsiteX7" fmla="*/ 233838 w 879771"/>
                  <a:gd name="connsiteY7" fmla="*/ 773262 h 1474274"/>
                  <a:gd name="connsiteX8" fmla="*/ 5238 w 879771"/>
                  <a:gd name="connsiteY8" fmla="*/ 358926 h 1474274"/>
                  <a:gd name="connsiteX9" fmla="*/ 236690 w 879771"/>
                  <a:gd name="connsiteY9" fmla="*/ 14 h 1474274"/>
                  <a:gd name="connsiteX0" fmla="*/ 162401 w 879771"/>
                  <a:gd name="connsiteY0" fmla="*/ 30312 h 1474274"/>
                  <a:gd name="connsiteX1" fmla="*/ 353828 w 879771"/>
                  <a:gd name="connsiteY1" fmla="*/ 238748 h 1474274"/>
                  <a:gd name="connsiteX2" fmla="*/ 505300 w 879771"/>
                  <a:gd name="connsiteY2" fmla="*/ 916137 h 1474274"/>
                  <a:gd name="connsiteX3" fmla="*/ 862488 w 879771"/>
                  <a:gd name="connsiteY3" fmla="*/ 1116161 h 1474274"/>
                  <a:gd name="connsiteX4" fmla="*/ 799838 w 879771"/>
                  <a:gd name="connsiteY4" fmla="*/ 1469216 h 1474274"/>
                  <a:gd name="connsiteX5" fmla="*/ 591025 w 879771"/>
                  <a:gd name="connsiteY5" fmla="*/ 1301900 h 1474274"/>
                  <a:gd name="connsiteX6" fmla="*/ 348137 w 879771"/>
                  <a:gd name="connsiteY6" fmla="*/ 987574 h 1474274"/>
                  <a:gd name="connsiteX7" fmla="*/ 233838 w 879771"/>
                  <a:gd name="connsiteY7" fmla="*/ 773262 h 1474274"/>
                  <a:gd name="connsiteX8" fmla="*/ 5238 w 879771"/>
                  <a:gd name="connsiteY8" fmla="*/ 358926 h 1474274"/>
                  <a:gd name="connsiteX9" fmla="*/ 236690 w 879771"/>
                  <a:gd name="connsiteY9" fmla="*/ 14 h 1474274"/>
                  <a:gd name="connsiteX0" fmla="*/ 162401 w 879771"/>
                  <a:gd name="connsiteY0" fmla="*/ 30312 h 1474274"/>
                  <a:gd name="connsiteX1" fmla="*/ 425265 w 879771"/>
                  <a:gd name="connsiteY1" fmla="*/ 510210 h 1474274"/>
                  <a:gd name="connsiteX2" fmla="*/ 505300 w 879771"/>
                  <a:gd name="connsiteY2" fmla="*/ 916137 h 1474274"/>
                  <a:gd name="connsiteX3" fmla="*/ 862488 w 879771"/>
                  <a:gd name="connsiteY3" fmla="*/ 1116161 h 1474274"/>
                  <a:gd name="connsiteX4" fmla="*/ 799838 w 879771"/>
                  <a:gd name="connsiteY4" fmla="*/ 1469216 h 1474274"/>
                  <a:gd name="connsiteX5" fmla="*/ 591025 w 879771"/>
                  <a:gd name="connsiteY5" fmla="*/ 1301900 h 1474274"/>
                  <a:gd name="connsiteX6" fmla="*/ 348137 w 879771"/>
                  <a:gd name="connsiteY6" fmla="*/ 987574 h 1474274"/>
                  <a:gd name="connsiteX7" fmla="*/ 233838 w 879771"/>
                  <a:gd name="connsiteY7" fmla="*/ 773262 h 1474274"/>
                  <a:gd name="connsiteX8" fmla="*/ 5238 w 879771"/>
                  <a:gd name="connsiteY8" fmla="*/ 358926 h 1474274"/>
                  <a:gd name="connsiteX9" fmla="*/ 236690 w 879771"/>
                  <a:gd name="connsiteY9" fmla="*/ 14 h 1474274"/>
                  <a:gd name="connsiteX0" fmla="*/ 160380 w 877750"/>
                  <a:gd name="connsiteY0" fmla="*/ 1739 h 1445701"/>
                  <a:gd name="connsiteX1" fmla="*/ 423244 w 877750"/>
                  <a:gd name="connsiteY1" fmla="*/ 481637 h 1445701"/>
                  <a:gd name="connsiteX2" fmla="*/ 503279 w 877750"/>
                  <a:gd name="connsiteY2" fmla="*/ 887564 h 1445701"/>
                  <a:gd name="connsiteX3" fmla="*/ 860467 w 877750"/>
                  <a:gd name="connsiteY3" fmla="*/ 1087588 h 1445701"/>
                  <a:gd name="connsiteX4" fmla="*/ 797817 w 877750"/>
                  <a:gd name="connsiteY4" fmla="*/ 1440643 h 1445701"/>
                  <a:gd name="connsiteX5" fmla="*/ 589004 w 877750"/>
                  <a:gd name="connsiteY5" fmla="*/ 1273327 h 1445701"/>
                  <a:gd name="connsiteX6" fmla="*/ 346116 w 877750"/>
                  <a:gd name="connsiteY6" fmla="*/ 959001 h 1445701"/>
                  <a:gd name="connsiteX7" fmla="*/ 231817 w 877750"/>
                  <a:gd name="connsiteY7" fmla="*/ 744689 h 1445701"/>
                  <a:gd name="connsiteX8" fmla="*/ 3217 w 877750"/>
                  <a:gd name="connsiteY8" fmla="*/ 330353 h 1445701"/>
                  <a:gd name="connsiteX9" fmla="*/ 434694 w 877750"/>
                  <a:gd name="connsiteY9" fmla="*/ 16 h 1445701"/>
                  <a:gd name="connsiteX0" fmla="*/ 460418 w 877750"/>
                  <a:gd name="connsiteY0" fmla="*/ 158901 h 1445701"/>
                  <a:gd name="connsiteX1" fmla="*/ 423244 w 877750"/>
                  <a:gd name="connsiteY1" fmla="*/ 481637 h 1445701"/>
                  <a:gd name="connsiteX2" fmla="*/ 503279 w 877750"/>
                  <a:gd name="connsiteY2" fmla="*/ 887564 h 1445701"/>
                  <a:gd name="connsiteX3" fmla="*/ 860467 w 877750"/>
                  <a:gd name="connsiteY3" fmla="*/ 1087588 h 1445701"/>
                  <a:gd name="connsiteX4" fmla="*/ 797817 w 877750"/>
                  <a:gd name="connsiteY4" fmla="*/ 1440643 h 1445701"/>
                  <a:gd name="connsiteX5" fmla="*/ 589004 w 877750"/>
                  <a:gd name="connsiteY5" fmla="*/ 1273327 h 1445701"/>
                  <a:gd name="connsiteX6" fmla="*/ 346116 w 877750"/>
                  <a:gd name="connsiteY6" fmla="*/ 959001 h 1445701"/>
                  <a:gd name="connsiteX7" fmla="*/ 231817 w 877750"/>
                  <a:gd name="connsiteY7" fmla="*/ 744689 h 1445701"/>
                  <a:gd name="connsiteX8" fmla="*/ 3217 w 877750"/>
                  <a:gd name="connsiteY8" fmla="*/ 330353 h 1445701"/>
                  <a:gd name="connsiteX9" fmla="*/ 434694 w 877750"/>
                  <a:gd name="connsiteY9" fmla="*/ 16 h 1445701"/>
                  <a:gd name="connsiteX0" fmla="*/ 460418 w 912737"/>
                  <a:gd name="connsiteY0" fmla="*/ 158901 h 1445701"/>
                  <a:gd name="connsiteX1" fmla="*/ 423244 w 912737"/>
                  <a:gd name="connsiteY1" fmla="*/ 481637 h 1445701"/>
                  <a:gd name="connsiteX2" fmla="*/ 503279 w 912737"/>
                  <a:gd name="connsiteY2" fmla="*/ 887564 h 1445701"/>
                  <a:gd name="connsiteX3" fmla="*/ 860467 w 912737"/>
                  <a:gd name="connsiteY3" fmla="*/ 1087588 h 1445701"/>
                  <a:gd name="connsiteX4" fmla="*/ 797817 w 912737"/>
                  <a:gd name="connsiteY4" fmla="*/ 1440643 h 1445701"/>
                  <a:gd name="connsiteX5" fmla="*/ 589004 w 912737"/>
                  <a:gd name="connsiteY5" fmla="*/ 1273327 h 1445701"/>
                  <a:gd name="connsiteX6" fmla="*/ 346116 w 912737"/>
                  <a:gd name="connsiteY6" fmla="*/ 959001 h 1445701"/>
                  <a:gd name="connsiteX7" fmla="*/ 231817 w 912737"/>
                  <a:gd name="connsiteY7" fmla="*/ 744689 h 1445701"/>
                  <a:gd name="connsiteX8" fmla="*/ 3217 w 912737"/>
                  <a:gd name="connsiteY8" fmla="*/ 330353 h 1445701"/>
                  <a:gd name="connsiteX9" fmla="*/ 434694 w 912737"/>
                  <a:gd name="connsiteY9" fmla="*/ 16 h 1445701"/>
                  <a:gd name="connsiteX0" fmla="*/ 460418 w 912737"/>
                  <a:gd name="connsiteY0" fmla="*/ 158901 h 1444547"/>
                  <a:gd name="connsiteX1" fmla="*/ 423244 w 912737"/>
                  <a:gd name="connsiteY1" fmla="*/ 481637 h 1444547"/>
                  <a:gd name="connsiteX2" fmla="*/ 503279 w 912737"/>
                  <a:gd name="connsiteY2" fmla="*/ 887564 h 1444547"/>
                  <a:gd name="connsiteX3" fmla="*/ 860467 w 912737"/>
                  <a:gd name="connsiteY3" fmla="*/ 1087588 h 1444547"/>
                  <a:gd name="connsiteX4" fmla="*/ 797817 w 912737"/>
                  <a:gd name="connsiteY4" fmla="*/ 1440643 h 1444547"/>
                  <a:gd name="connsiteX5" fmla="*/ 646154 w 912737"/>
                  <a:gd name="connsiteY5" fmla="*/ 1230465 h 1444547"/>
                  <a:gd name="connsiteX6" fmla="*/ 346116 w 912737"/>
                  <a:gd name="connsiteY6" fmla="*/ 959001 h 1444547"/>
                  <a:gd name="connsiteX7" fmla="*/ 231817 w 912737"/>
                  <a:gd name="connsiteY7" fmla="*/ 744689 h 1444547"/>
                  <a:gd name="connsiteX8" fmla="*/ 3217 w 912737"/>
                  <a:gd name="connsiteY8" fmla="*/ 330353 h 1444547"/>
                  <a:gd name="connsiteX9" fmla="*/ 434694 w 912737"/>
                  <a:gd name="connsiteY9" fmla="*/ 16 h 1444547"/>
                  <a:gd name="connsiteX0" fmla="*/ 460418 w 912737"/>
                  <a:gd name="connsiteY0" fmla="*/ 158901 h 1443181"/>
                  <a:gd name="connsiteX1" fmla="*/ 423244 w 912737"/>
                  <a:gd name="connsiteY1" fmla="*/ 481637 h 1443181"/>
                  <a:gd name="connsiteX2" fmla="*/ 503279 w 912737"/>
                  <a:gd name="connsiteY2" fmla="*/ 887564 h 1443181"/>
                  <a:gd name="connsiteX3" fmla="*/ 860467 w 912737"/>
                  <a:gd name="connsiteY3" fmla="*/ 1087588 h 1443181"/>
                  <a:gd name="connsiteX4" fmla="*/ 797817 w 912737"/>
                  <a:gd name="connsiteY4" fmla="*/ 1440643 h 1443181"/>
                  <a:gd name="connsiteX5" fmla="*/ 574717 w 912737"/>
                  <a:gd name="connsiteY5" fmla="*/ 1130453 h 1443181"/>
                  <a:gd name="connsiteX6" fmla="*/ 346116 w 912737"/>
                  <a:gd name="connsiteY6" fmla="*/ 959001 h 1443181"/>
                  <a:gd name="connsiteX7" fmla="*/ 231817 w 912737"/>
                  <a:gd name="connsiteY7" fmla="*/ 744689 h 1443181"/>
                  <a:gd name="connsiteX8" fmla="*/ 3217 w 912737"/>
                  <a:gd name="connsiteY8" fmla="*/ 330353 h 1443181"/>
                  <a:gd name="connsiteX9" fmla="*/ 434694 w 912737"/>
                  <a:gd name="connsiteY9" fmla="*/ 16 h 1443181"/>
                  <a:gd name="connsiteX0" fmla="*/ 460418 w 897918"/>
                  <a:gd name="connsiteY0" fmla="*/ 158901 h 1528395"/>
                  <a:gd name="connsiteX1" fmla="*/ 423244 w 897918"/>
                  <a:gd name="connsiteY1" fmla="*/ 481637 h 1528395"/>
                  <a:gd name="connsiteX2" fmla="*/ 503279 w 897918"/>
                  <a:gd name="connsiteY2" fmla="*/ 887564 h 1528395"/>
                  <a:gd name="connsiteX3" fmla="*/ 860467 w 897918"/>
                  <a:gd name="connsiteY3" fmla="*/ 1087588 h 1528395"/>
                  <a:gd name="connsiteX4" fmla="*/ 769242 w 897918"/>
                  <a:gd name="connsiteY4" fmla="*/ 1526368 h 1528395"/>
                  <a:gd name="connsiteX5" fmla="*/ 574717 w 897918"/>
                  <a:gd name="connsiteY5" fmla="*/ 1130453 h 1528395"/>
                  <a:gd name="connsiteX6" fmla="*/ 346116 w 897918"/>
                  <a:gd name="connsiteY6" fmla="*/ 959001 h 1528395"/>
                  <a:gd name="connsiteX7" fmla="*/ 231817 w 897918"/>
                  <a:gd name="connsiteY7" fmla="*/ 744689 h 1528395"/>
                  <a:gd name="connsiteX8" fmla="*/ 3217 w 897918"/>
                  <a:gd name="connsiteY8" fmla="*/ 330353 h 1528395"/>
                  <a:gd name="connsiteX9" fmla="*/ 434694 w 897918"/>
                  <a:gd name="connsiteY9" fmla="*/ 16 h 1528395"/>
                  <a:gd name="connsiteX0" fmla="*/ 460418 w 940906"/>
                  <a:gd name="connsiteY0" fmla="*/ 158901 h 1528395"/>
                  <a:gd name="connsiteX1" fmla="*/ 423244 w 940906"/>
                  <a:gd name="connsiteY1" fmla="*/ 481637 h 1528395"/>
                  <a:gd name="connsiteX2" fmla="*/ 503279 w 940906"/>
                  <a:gd name="connsiteY2" fmla="*/ 887564 h 1528395"/>
                  <a:gd name="connsiteX3" fmla="*/ 860467 w 940906"/>
                  <a:gd name="connsiteY3" fmla="*/ 1087588 h 1528395"/>
                  <a:gd name="connsiteX4" fmla="*/ 769242 w 940906"/>
                  <a:gd name="connsiteY4" fmla="*/ 1526368 h 1528395"/>
                  <a:gd name="connsiteX5" fmla="*/ 574717 w 940906"/>
                  <a:gd name="connsiteY5" fmla="*/ 1130453 h 1528395"/>
                  <a:gd name="connsiteX6" fmla="*/ 346116 w 940906"/>
                  <a:gd name="connsiteY6" fmla="*/ 959001 h 1528395"/>
                  <a:gd name="connsiteX7" fmla="*/ 231817 w 940906"/>
                  <a:gd name="connsiteY7" fmla="*/ 744689 h 1528395"/>
                  <a:gd name="connsiteX8" fmla="*/ 3217 w 940906"/>
                  <a:gd name="connsiteY8" fmla="*/ 330353 h 1528395"/>
                  <a:gd name="connsiteX9" fmla="*/ 434694 w 940906"/>
                  <a:gd name="connsiteY9" fmla="*/ 16 h 1528395"/>
                  <a:gd name="connsiteX0" fmla="*/ 460418 w 911967"/>
                  <a:gd name="connsiteY0" fmla="*/ 158901 h 1533279"/>
                  <a:gd name="connsiteX1" fmla="*/ 423244 w 911967"/>
                  <a:gd name="connsiteY1" fmla="*/ 481637 h 1533279"/>
                  <a:gd name="connsiteX2" fmla="*/ 503279 w 911967"/>
                  <a:gd name="connsiteY2" fmla="*/ 887564 h 1533279"/>
                  <a:gd name="connsiteX3" fmla="*/ 860467 w 911967"/>
                  <a:gd name="connsiteY3" fmla="*/ 1087588 h 1533279"/>
                  <a:gd name="connsiteX4" fmla="*/ 769242 w 911967"/>
                  <a:gd name="connsiteY4" fmla="*/ 1526368 h 1533279"/>
                  <a:gd name="connsiteX5" fmla="*/ 654940 w 911967"/>
                  <a:gd name="connsiteY5" fmla="*/ 1340629 h 1533279"/>
                  <a:gd name="connsiteX6" fmla="*/ 574717 w 911967"/>
                  <a:gd name="connsiteY6" fmla="*/ 1130453 h 1533279"/>
                  <a:gd name="connsiteX7" fmla="*/ 346116 w 911967"/>
                  <a:gd name="connsiteY7" fmla="*/ 959001 h 1533279"/>
                  <a:gd name="connsiteX8" fmla="*/ 231817 w 911967"/>
                  <a:gd name="connsiteY8" fmla="*/ 744689 h 1533279"/>
                  <a:gd name="connsiteX9" fmla="*/ 3217 w 911967"/>
                  <a:gd name="connsiteY9" fmla="*/ 330353 h 1533279"/>
                  <a:gd name="connsiteX10" fmla="*/ 434694 w 911967"/>
                  <a:gd name="connsiteY10" fmla="*/ 16 h 1533279"/>
                  <a:gd name="connsiteX0" fmla="*/ 460418 w 911967"/>
                  <a:gd name="connsiteY0" fmla="*/ 158901 h 1531428"/>
                  <a:gd name="connsiteX1" fmla="*/ 423244 w 911967"/>
                  <a:gd name="connsiteY1" fmla="*/ 481637 h 1531428"/>
                  <a:gd name="connsiteX2" fmla="*/ 503279 w 911967"/>
                  <a:gd name="connsiteY2" fmla="*/ 887564 h 1531428"/>
                  <a:gd name="connsiteX3" fmla="*/ 860467 w 911967"/>
                  <a:gd name="connsiteY3" fmla="*/ 1087588 h 1531428"/>
                  <a:gd name="connsiteX4" fmla="*/ 769242 w 911967"/>
                  <a:gd name="connsiteY4" fmla="*/ 1526368 h 1531428"/>
                  <a:gd name="connsiteX5" fmla="*/ 683515 w 911967"/>
                  <a:gd name="connsiteY5" fmla="*/ 1269192 h 1531428"/>
                  <a:gd name="connsiteX6" fmla="*/ 574717 w 911967"/>
                  <a:gd name="connsiteY6" fmla="*/ 1130453 h 1531428"/>
                  <a:gd name="connsiteX7" fmla="*/ 346116 w 911967"/>
                  <a:gd name="connsiteY7" fmla="*/ 959001 h 1531428"/>
                  <a:gd name="connsiteX8" fmla="*/ 231817 w 911967"/>
                  <a:gd name="connsiteY8" fmla="*/ 744689 h 1531428"/>
                  <a:gd name="connsiteX9" fmla="*/ 3217 w 911967"/>
                  <a:gd name="connsiteY9" fmla="*/ 330353 h 1531428"/>
                  <a:gd name="connsiteX10" fmla="*/ 434694 w 911967"/>
                  <a:gd name="connsiteY10" fmla="*/ 16 h 1531428"/>
                  <a:gd name="connsiteX0" fmla="*/ 460418 w 911967"/>
                  <a:gd name="connsiteY0" fmla="*/ 158901 h 1531428"/>
                  <a:gd name="connsiteX1" fmla="*/ 423244 w 911967"/>
                  <a:gd name="connsiteY1" fmla="*/ 481637 h 1531428"/>
                  <a:gd name="connsiteX2" fmla="*/ 503279 w 911967"/>
                  <a:gd name="connsiteY2" fmla="*/ 887564 h 1531428"/>
                  <a:gd name="connsiteX3" fmla="*/ 860467 w 911967"/>
                  <a:gd name="connsiteY3" fmla="*/ 1087588 h 1531428"/>
                  <a:gd name="connsiteX4" fmla="*/ 769242 w 911967"/>
                  <a:gd name="connsiteY4" fmla="*/ 1526368 h 1531428"/>
                  <a:gd name="connsiteX5" fmla="*/ 683515 w 911967"/>
                  <a:gd name="connsiteY5" fmla="*/ 1269192 h 1531428"/>
                  <a:gd name="connsiteX6" fmla="*/ 574717 w 911967"/>
                  <a:gd name="connsiteY6" fmla="*/ 1130453 h 1531428"/>
                  <a:gd name="connsiteX7" fmla="*/ 346116 w 911967"/>
                  <a:gd name="connsiteY7" fmla="*/ 959001 h 1531428"/>
                  <a:gd name="connsiteX8" fmla="*/ 231817 w 911967"/>
                  <a:gd name="connsiteY8" fmla="*/ 744689 h 1531428"/>
                  <a:gd name="connsiteX9" fmla="*/ 3217 w 911967"/>
                  <a:gd name="connsiteY9" fmla="*/ 330353 h 1531428"/>
                  <a:gd name="connsiteX10" fmla="*/ 434694 w 911967"/>
                  <a:gd name="connsiteY10" fmla="*/ 16 h 1531428"/>
                  <a:gd name="connsiteX0" fmla="*/ 460418 w 899881"/>
                  <a:gd name="connsiteY0" fmla="*/ 158901 h 1531428"/>
                  <a:gd name="connsiteX1" fmla="*/ 423244 w 899881"/>
                  <a:gd name="connsiteY1" fmla="*/ 481637 h 1531428"/>
                  <a:gd name="connsiteX2" fmla="*/ 503279 w 899881"/>
                  <a:gd name="connsiteY2" fmla="*/ 887564 h 1531428"/>
                  <a:gd name="connsiteX3" fmla="*/ 860467 w 899881"/>
                  <a:gd name="connsiteY3" fmla="*/ 1087588 h 1531428"/>
                  <a:gd name="connsiteX4" fmla="*/ 769242 w 899881"/>
                  <a:gd name="connsiteY4" fmla="*/ 1526368 h 1531428"/>
                  <a:gd name="connsiteX5" fmla="*/ 683515 w 899881"/>
                  <a:gd name="connsiteY5" fmla="*/ 1269192 h 1531428"/>
                  <a:gd name="connsiteX6" fmla="*/ 574717 w 899881"/>
                  <a:gd name="connsiteY6" fmla="*/ 1130453 h 1531428"/>
                  <a:gd name="connsiteX7" fmla="*/ 346116 w 899881"/>
                  <a:gd name="connsiteY7" fmla="*/ 959001 h 1531428"/>
                  <a:gd name="connsiteX8" fmla="*/ 231817 w 899881"/>
                  <a:gd name="connsiteY8" fmla="*/ 744689 h 1531428"/>
                  <a:gd name="connsiteX9" fmla="*/ 3217 w 899881"/>
                  <a:gd name="connsiteY9" fmla="*/ 330353 h 1531428"/>
                  <a:gd name="connsiteX10" fmla="*/ 434694 w 899881"/>
                  <a:gd name="connsiteY10" fmla="*/ 16 h 1531428"/>
                  <a:gd name="connsiteX0" fmla="*/ 460418 w 888071"/>
                  <a:gd name="connsiteY0" fmla="*/ 158901 h 1531428"/>
                  <a:gd name="connsiteX1" fmla="*/ 423244 w 888071"/>
                  <a:gd name="connsiteY1" fmla="*/ 481637 h 1531428"/>
                  <a:gd name="connsiteX2" fmla="*/ 503279 w 888071"/>
                  <a:gd name="connsiteY2" fmla="*/ 887564 h 1531428"/>
                  <a:gd name="connsiteX3" fmla="*/ 860467 w 888071"/>
                  <a:gd name="connsiteY3" fmla="*/ 1087588 h 1531428"/>
                  <a:gd name="connsiteX4" fmla="*/ 769242 w 888071"/>
                  <a:gd name="connsiteY4" fmla="*/ 1526368 h 1531428"/>
                  <a:gd name="connsiteX5" fmla="*/ 683515 w 888071"/>
                  <a:gd name="connsiteY5" fmla="*/ 1269192 h 1531428"/>
                  <a:gd name="connsiteX6" fmla="*/ 574717 w 888071"/>
                  <a:gd name="connsiteY6" fmla="*/ 1130453 h 1531428"/>
                  <a:gd name="connsiteX7" fmla="*/ 346116 w 888071"/>
                  <a:gd name="connsiteY7" fmla="*/ 959001 h 1531428"/>
                  <a:gd name="connsiteX8" fmla="*/ 231817 w 888071"/>
                  <a:gd name="connsiteY8" fmla="*/ 744689 h 1531428"/>
                  <a:gd name="connsiteX9" fmla="*/ 3217 w 888071"/>
                  <a:gd name="connsiteY9" fmla="*/ 330353 h 1531428"/>
                  <a:gd name="connsiteX10" fmla="*/ 434694 w 888071"/>
                  <a:gd name="connsiteY10" fmla="*/ 16 h 1531428"/>
                  <a:gd name="connsiteX0" fmla="*/ 460418 w 913354"/>
                  <a:gd name="connsiteY0" fmla="*/ 158901 h 1531428"/>
                  <a:gd name="connsiteX1" fmla="*/ 423244 w 913354"/>
                  <a:gd name="connsiteY1" fmla="*/ 481637 h 1531428"/>
                  <a:gd name="connsiteX2" fmla="*/ 503279 w 913354"/>
                  <a:gd name="connsiteY2" fmla="*/ 887564 h 1531428"/>
                  <a:gd name="connsiteX3" fmla="*/ 889042 w 913354"/>
                  <a:gd name="connsiteY3" fmla="*/ 1173313 h 1531428"/>
                  <a:gd name="connsiteX4" fmla="*/ 769242 w 913354"/>
                  <a:gd name="connsiteY4" fmla="*/ 1526368 h 1531428"/>
                  <a:gd name="connsiteX5" fmla="*/ 683515 w 913354"/>
                  <a:gd name="connsiteY5" fmla="*/ 1269192 h 1531428"/>
                  <a:gd name="connsiteX6" fmla="*/ 574717 w 913354"/>
                  <a:gd name="connsiteY6" fmla="*/ 1130453 h 1531428"/>
                  <a:gd name="connsiteX7" fmla="*/ 346116 w 913354"/>
                  <a:gd name="connsiteY7" fmla="*/ 959001 h 1531428"/>
                  <a:gd name="connsiteX8" fmla="*/ 231817 w 913354"/>
                  <a:gd name="connsiteY8" fmla="*/ 744689 h 1531428"/>
                  <a:gd name="connsiteX9" fmla="*/ 3217 w 913354"/>
                  <a:gd name="connsiteY9" fmla="*/ 330353 h 1531428"/>
                  <a:gd name="connsiteX10" fmla="*/ 434694 w 913354"/>
                  <a:gd name="connsiteY10" fmla="*/ 16 h 1531428"/>
                  <a:gd name="connsiteX0" fmla="*/ 460418 w 912914"/>
                  <a:gd name="connsiteY0" fmla="*/ 158901 h 1532106"/>
                  <a:gd name="connsiteX1" fmla="*/ 423244 w 912914"/>
                  <a:gd name="connsiteY1" fmla="*/ 481637 h 1532106"/>
                  <a:gd name="connsiteX2" fmla="*/ 503279 w 912914"/>
                  <a:gd name="connsiteY2" fmla="*/ 887564 h 1532106"/>
                  <a:gd name="connsiteX3" fmla="*/ 889042 w 912914"/>
                  <a:gd name="connsiteY3" fmla="*/ 1173313 h 1532106"/>
                  <a:gd name="connsiteX4" fmla="*/ 769242 w 912914"/>
                  <a:gd name="connsiteY4" fmla="*/ 1526368 h 1532106"/>
                  <a:gd name="connsiteX5" fmla="*/ 712090 w 912914"/>
                  <a:gd name="connsiteY5" fmla="*/ 1383492 h 1532106"/>
                  <a:gd name="connsiteX6" fmla="*/ 683515 w 912914"/>
                  <a:gd name="connsiteY6" fmla="*/ 1269192 h 1532106"/>
                  <a:gd name="connsiteX7" fmla="*/ 574717 w 912914"/>
                  <a:gd name="connsiteY7" fmla="*/ 1130453 h 1532106"/>
                  <a:gd name="connsiteX8" fmla="*/ 346116 w 912914"/>
                  <a:gd name="connsiteY8" fmla="*/ 959001 h 1532106"/>
                  <a:gd name="connsiteX9" fmla="*/ 231817 w 912914"/>
                  <a:gd name="connsiteY9" fmla="*/ 744689 h 1532106"/>
                  <a:gd name="connsiteX10" fmla="*/ 3217 w 912914"/>
                  <a:gd name="connsiteY10" fmla="*/ 330353 h 1532106"/>
                  <a:gd name="connsiteX11" fmla="*/ 434694 w 912914"/>
                  <a:gd name="connsiteY11" fmla="*/ 16 h 1532106"/>
                  <a:gd name="connsiteX0" fmla="*/ 460418 w 912914"/>
                  <a:gd name="connsiteY0" fmla="*/ 158901 h 1532106"/>
                  <a:gd name="connsiteX1" fmla="*/ 423244 w 912914"/>
                  <a:gd name="connsiteY1" fmla="*/ 481637 h 1532106"/>
                  <a:gd name="connsiteX2" fmla="*/ 503279 w 912914"/>
                  <a:gd name="connsiteY2" fmla="*/ 887564 h 1532106"/>
                  <a:gd name="connsiteX3" fmla="*/ 889042 w 912914"/>
                  <a:gd name="connsiteY3" fmla="*/ 1173313 h 1532106"/>
                  <a:gd name="connsiteX4" fmla="*/ 769242 w 912914"/>
                  <a:gd name="connsiteY4" fmla="*/ 1526368 h 1532106"/>
                  <a:gd name="connsiteX5" fmla="*/ 554927 w 912914"/>
                  <a:gd name="connsiteY5" fmla="*/ 1383492 h 1532106"/>
                  <a:gd name="connsiteX6" fmla="*/ 683515 w 912914"/>
                  <a:gd name="connsiteY6" fmla="*/ 1269192 h 1532106"/>
                  <a:gd name="connsiteX7" fmla="*/ 574717 w 912914"/>
                  <a:gd name="connsiteY7" fmla="*/ 1130453 h 1532106"/>
                  <a:gd name="connsiteX8" fmla="*/ 346116 w 912914"/>
                  <a:gd name="connsiteY8" fmla="*/ 959001 h 1532106"/>
                  <a:gd name="connsiteX9" fmla="*/ 231817 w 912914"/>
                  <a:gd name="connsiteY9" fmla="*/ 744689 h 1532106"/>
                  <a:gd name="connsiteX10" fmla="*/ 3217 w 912914"/>
                  <a:gd name="connsiteY10" fmla="*/ 330353 h 1532106"/>
                  <a:gd name="connsiteX11" fmla="*/ 434694 w 912914"/>
                  <a:gd name="connsiteY11" fmla="*/ 16 h 1532106"/>
                  <a:gd name="connsiteX0" fmla="*/ 460418 w 912914"/>
                  <a:gd name="connsiteY0" fmla="*/ 158901 h 1532106"/>
                  <a:gd name="connsiteX1" fmla="*/ 423244 w 912914"/>
                  <a:gd name="connsiteY1" fmla="*/ 481637 h 1532106"/>
                  <a:gd name="connsiteX2" fmla="*/ 503279 w 912914"/>
                  <a:gd name="connsiteY2" fmla="*/ 887564 h 1532106"/>
                  <a:gd name="connsiteX3" fmla="*/ 889042 w 912914"/>
                  <a:gd name="connsiteY3" fmla="*/ 1173313 h 1532106"/>
                  <a:gd name="connsiteX4" fmla="*/ 769242 w 912914"/>
                  <a:gd name="connsiteY4" fmla="*/ 1526368 h 1532106"/>
                  <a:gd name="connsiteX5" fmla="*/ 554927 w 912914"/>
                  <a:gd name="connsiteY5" fmla="*/ 1383492 h 1532106"/>
                  <a:gd name="connsiteX6" fmla="*/ 683515 w 912914"/>
                  <a:gd name="connsiteY6" fmla="*/ 1269192 h 1532106"/>
                  <a:gd name="connsiteX7" fmla="*/ 446130 w 912914"/>
                  <a:gd name="connsiteY7" fmla="*/ 1187603 h 1532106"/>
                  <a:gd name="connsiteX8" fmla="*/ 346116 w 912914"/>
                  <a:gd name="connsiteY8" fmla="*/ 959001 h 1532106"/>
                  <a:gd name="connsiteX9" fmla="*/ 231817 w 912914"/>
                  <a:gd name="connsiteY9" fmla="*/ 744689 h 1532106"/>
                  <a:gd name="connsiteX10" fmla="*/ 3217 w 912914"/>
                  <a:gd name="connsiteY10" fmla="*/ 330353 h 1532106"/>
                  <a:gd name="connsiteX11" fmla="*/ 434694 w 912914"/>
                  <a:gd name="connsiteY11" fmla="*/ 16 h 1532106"/>
                  <a:gd name="connsiteX0" fmla="*/ 460418 w 912914"/>
                  <a:gd name="connsiteY0" fmla="*/ 158901 h 1532106"/>
                  <a:gd name="connsiteX1" fmla="*/ 423244 w 912914"/>
                  <a:gd name="connsiteY1" fmla="*/ 481637 h 1532106"/>
                  <a:gd name="connsiteX2" fmla="*/ 503279 w 912914"/>
                  <a:gd name="connsiteY2" fmla="*/ 887564 h 1532106"/>
                  <a:gd name="connsiteX3" fmla="*/ 889042 w 912914"/>
                  <a:gd name="connsiteY3" fmla="*/ 1173313 h 1532106"/>
                  <a:gd name="connsiteX4" fmla="*/ 769242 w 912914"/>
                  <a:gd name="connsiteY4" fmla="*/ 1526368 h 1532106"/>
                  <a:gd name="connsiteX5" fmla="*/ 554927 w 912914"/>
                  <a:gd name="connsiteY5" fmla="*/ 1383492 h 1532106"/>
                  <a:gd name="connsiteX6" fmla="*/ 683515 w 912914"/>
                  <a:gd name="connsiteY6" fmla="*/ 1269192 h 1532106"/>
                  <a:gd name="connsiteX7" fmla="*/ 546143 w 912914"/>
                  <a:gd name="connsiteY7" fmla="*/ 1087591 h 1532106"/>
                  <a:gd name="connsiteX8" fmla="*/ 346116 w 912914"/>
                  <a:gd name="connsiteY8" fmla="*/ 959001 h 1532106"/>
                  <a:gd name="connsiteX9" fmla="*/ 231817 w 912914"/>
                  <a:gd name="connsiteY9" fmla="*/ 744689 h 1532106"/>
                  <a:gd name="connsiteX10" fmla="*/ 3217 w 912914"/>
                  <a:gd name="connsiteY10" fmla="*/ 330353 h 1532106"/>
                  <a:gd name="connsiteX11" fmla="*/ 434694 w 912914"/>
                  <a:gd name="connsiteY11" fmla="*/ 16 h 1532106"/>
                  <a:gd name="connsiteX0" fmla="*/ 460418 w 914521"/>
                  <a:gd name="connsiteY0" fmla="*/ 158901 h 1541788"/>
                  <a:gd name="connsiteX1" fmla="*/ 423244 w 914521"/>
                  <a:gd name="connsiteY1" fmla="*/ 481637 h 1541788"/>
                  <a:gd name="connsiteX2" fmla="*/ 503279 w 914521"/>
                  <a:gd name="connsiteY2" fmla="*/ 887564 h 1541788"/>
                  <a:gd name="connsiteX3" fmla="*/ 889042 w 914521"/>
                  <a:gd name="connsiteY3" fmla="*/ 1173313 h 1541788"/>
                  <a:gd name="connsiteX4" fmla="*/ 769242 w 914521"/>
                  <a:gd name="connsiteY4" fmla="*/ 1526368 h 1541788"/>
                  <a:gd name="connsiteX5" fmla="*/ 612078 w 914521"/>
                  <a:gd name="connsiteY5" fmla="*/ 1469217 h 1541788"/>
                  <a:gd name="connsiteX6" fmla="*/ 554927 w 914521"/>
                  <a:gd name="connsiteY6" fmla="*/ 1383492 h 1541788"/>
                  <a:gd name="connsiteX7" fmla="*/ 683515 w 914521"/>
                  <a:gd name="connsiteY7" fmla="*/ 1269192 h 1541788"/>
                  <a:gd name="connsiteX8" fmla="*/ 546143 w 914521"/>
                  <a:gd name="connsiteY8" fmla="*/ 1087591 h 1541788"/>
                  <a:gd name="connsiteX9" fmla="*/ 346116 w 914521"/>
                  <a:gd name="connsiteY9" fmla="*/ 959001 h 1541788"/>
                  <a:gd name="connsiteX10" fmla="*/ 231817 w 914521"/>
                  <a:gd name="connsiteY10" fmla="*/ 744689 h 1541788"/>
                  <a:gd name="connsiteX11" fmla="*/ 3217 w 914521"/>
                  <a:gd name="connsiteY11" fmla="*/ 330353 h 1541788"/>
                  <a:gd name="connsiteX12" fmla="*/ 434694 w 914521"/>
                  <a:gd name="connsiteY12" fmla="*/ 16 h 1541788"/>
                  <a:gd name="connsiteX0" fmla="*/ 460418 w 914521"/>
                  <a:gd name="connsiteY0" fmla="*/ 158901 h 1536826"/>
                  <a:gd name="connsiteX1" fmla="*/ 423244 w 914521"/>
                  <a:gd name="connsiteY1" fmla="*/ 481637 h 1536826"/>
                  <a:gd name="connsiteX2" fmla="*/ 503279 w 914521"/>
                  <a:gd name="connsiteY2" fmla="*/ 887564 h 1536826"/>
                  <a:gd name="connsiteX3" fmla="*/ 889042 w 914521"/>
                  <a:gd name="connsiteY3" fmla="*/ 1173313 h 1536826"/>
                  <a:gd name="connsiteX4" fmla="*/ 769242 w 914521"/>
                  <a:gd name="connsiteY4" fmla="*/ 1526368 h 1536826"/>
                  <a:gd name="connsiteX5" fmla="*/ 712090 w 914521"/>
                  <a:gd name="connsiteY5" fmla="*/ 1412067 h 1536826"/>
                  <a:gd name="connsiteX6" fmla="*/ 554927 w 914521"/>
                  <a:gd name="connsiteY6" fmla="*/ 1383492 h 1536826"/>
                  <a:gd name="connsiteX7" fmla="*/ 683515 w 914521"/>
                  <a:gd name="connsiteY7" fmla="*/ 1269192 h 1536826"/>
                  <a:gd name="connsiteX8" fmla="*/ 546143 w 914521"/>
                  <a:gd name="connsiteY8" fmla="*/ 1087591 h 1536826"/>
                  <a:gd name="connsiteX9" fmla="*/ 346116 w 914521"/>
                  <a:gd name="connsiteY9" fmla="*/ 959001 h 1536826"/>
                  <a:gd name="connsiteX10" fmla="*/ 231817 w 914521"/>
                  <a:gd name="connsiteY10" fmla="*/ 744689 h 1536826"/>
                  <a:gd name="connsiteX11" fmla="*/ 3217 w 914521"/>
                  <a:gd name="connsiteY11" fmla="*/ 330353 h 1536826"/>
                  <a:gd name="connsiteX12" fmla="*/ 434694 w 914521"/>
                  <a:gd name="connsiteY12" fmla="*/ 16 h 1536826"/>
                  <a:gd name="connsiteX0" fmla="*/ 460418 w 914521"/>
                  <a:gd name="connsiteY0" fmla="*/ 158901 h 1536826"/>
                  <a:gd name="connsiteX1" fmla="*/ 423244 w 914521"/>
                  <a:gd name="connsiteY1" fmla="*/ 481637 h 1536826"/>
                  <a:gd name="connsiteX2" fmla="*/ 503279 w 914521"/>
                  <a:gd name="connsiteY2" fmla="*/ 887564 h 1536826"/>
                  <a:gd name="connsiteX3" fmla="*/ 889042 w 914521"/>
                  <a:gd name="connsiteY3" fmla="*/ 1173313 h 1536826"/>
                  <a:gd name="connsiteX4" fmla="*/ 769242 w 914521"/>
                  <a:gd name="connsiteY4" fmla="*/ 1526368 h 1536826"/>
                  <a:gd name="connsiteX5" fmla="*/ 712090 w 914521"/>
                  <a:gd name="connsiteY5" fmla="*/ 1412067 h 1536826"/>
                  <a:gd name="connsiteX6" fmla="*/ 554927 w 914521"/>
                  <a:gd name="connsiteY6" fmla="*/ 1383492 h 1536826"/>
                  <a:gd name="connsiteX7" fmla="*/ 683515 w 914521"/>
                  <a:gd name="connsiteY7" fmla="*/ 1269192 h 1536826"/>
                  <a:gd name="connsiteX8" fmla="*/ 546143 w 914521"/>
                  <a:gd name="connsiteY8" fmla="*/ 1087591 h 1536826"/>
                  <a:gd name="connsiteX9" fmla="*/ 346116 w 914521"/>
                  <a:gd name="connsiteY9" fmla="*/ 959001 h 1536826"/>
                  <a:gd name="connsiteX10" fmla="*/ 231817 w 914521"/>
                  <a:gd name="connsiteY10" fmla="*/ 744689 h 1536826"/>
                  <a:gd name="connsiteX11" fmla="*/ 3217 w 914521"/>
                  <a:gd name="connsiteY11" fmla="*/ 330353 h 1536826"/>
                  <a:gd name="connsiteX12" fmla="*/ 434694 w 914521"/>
                  <a:gd name="connsiteY12" fmla="*/ 16 h 1536826"/>
                  <a:gd name="connsiteX0" fmla="*/ 460418 w 897287"/>
                  <a:gd name="connsiteY0" fmla="*/ 158901 h 1536826"/>
                  <a:gd name="connsiteX1" fmla="*/ 423244 w 897287"/>
                  <a:gd name="connsiteY1" fmla="*/ 481637 h 1536826"/>
                  <a:gd name="connsiteX2" fmla="*/ 531854 w 897287"/>
                  <a:gd name="connsiteY2" fmla="*/ 830414 h 1536826"/>
                  <a:gd name="connsiteX3" fmla="*/ 889042 w 897287"/>
                  <a:gd name="connsiteY3" fmla="*/ 1173313 h 1536826"/>
                  <a:gd name="connsiteX4" fmla="*/ 769242 w 897287"/>
                  <a:gd name="connsiteY4" fmla="*/ 1526368 h 1536826"/>
                  <a:gd name="connsiteX5" fmla="*/ 712090 w 897287"/>
                  <a:gd name="connsiteY5" fmla="*/ 1412067 h 1536826"/>
                  <a:gd name="connsiteX6" fmla="*/ 554927 w 897287"/>
                  <a:gd name="connsiteY6" fmla="*/ 1383492 h 1536826"/>
                  <a:gd name="connsiteX7" fmla="*/ 683515 w 897287"/>
                  <a:gd name="connsiteY7" fmla="*/ 1269192 h 1536826"/>
                  <a:gd name="connsiteX8" fmla="*/ 546143 w 897287"/>
                  <a:gd name="connsiteY8" fmla="*/ 1087591 h 1536826"/>
                  <a:gd name="connsiteX9" fmla="*/ 346116 w 897287"/>
                  <a:gd name="connsiteY9" fmla="*/ 959001 h 1536826"/>
                  <a:gd name="connsiteX10" fmla="*/ 231817 w 897287"/>
                  <a:gd name="connsiteY10" fmla="*/ 744689 h 1536826"/>
                  <a:gd name="connsiteX11" fmla="*/ 3217 w 897287"/>
                  <a:gd name="connsiteY11" fmla="*/ 330353 h 1536826"/>
                  <a:gd name="connsiteX12" fmla="*/ 434694 w 897287"/>
                  <a:gd name="connsiteY12" fmla="*/ 16 h 1536826"/>
                  <a:gd name="connsiteX0" fmla="*/ 460418 w 924504"/>
                  <a:gd name="connsiteY0" fmla="*/ 158901 h 1536826"/>
                  <a:gd name="connsiteX1" fmla="*/ 423244 w 924504"/>
                  <a:gd name="connsiteY1" fmla="*/ 481637 h 1536826"/>
                  <a:gd name="connsiteX2" fmla="*/ 531854 w 924504"/>
                  <a:gd name="connsiteY2" fmla="*/ 830414 h 1536826"/>
                  <a:gd name="connsiteX3" fmla="*/ 917617 w 924504"/>
                  <a:gd name="connsiteY3" fmla="*/ 1187600 h 1536826"/>
                  <a:gd name="connsiteX4" fmla="*/ 769242 w 924504"/>
                  <a:gd name="connsiteY4" fmla="*/ 1526368 h 1536826"/>
                  <a:gd name="connsiteX5" fmla="*/ 712090 w 924504"/>
                  <a:gd name="connsiteY5" fmla="*/ 1412067 h 1536826"/>
                  <a:gd name="connsiteX6" fmla="*/ 554927 w 924504"/>
                  <a:gd name="connsiteY6" fmla="*/ 1383492 h 1536826"/>
                  <a:gd name="connsiteX7" fmla="*/ 683515 w 924504"/>
                  <a:gd name="connsiteY7" fmla="*/ 1269192 h 1536826"/>
                  <a:gd name="connsiteX8" fmla="*/ 546143 w 924504"/>
                  <a:gd name="connsiteY8" fmla="*/ 1087591 h 1536826"/>
                  <a:gd name="connsiteX9" fmla="*/ 346116 w 924504"/>
                  <a:gd name="connsiteY9" fmla="*/ 959001 h 1536826"/>
                  <a:gd name="connsiteX10" fmla="*/ 231817 w 924504"/>
                  <a:gd name="connsiteY10" fmla="*/ 744689 h 1536826"/>
                  <a:gd name="connsiteX11" fmla="*/ 3217 w 924504"/>
                  <a:gd name="connsiteY11" fmla="*/ 330353 h 1536826"/>
                  <a:gd name="connsiteX12" fmla="*/ 434694 w 924504"/>
                  <a:gd name="connsiteY12" fmla="*/ 16 h 1536826"/>
                  <a:gd name="connsiteX0" fmla="*/ 460418 w 917770"/>
                  <a:gd name="connsiteY0" fmla="*/ 158901 h 1536826"/>
                  <a:gd name="connsiteX1" fmla="*/ 423244 w 917770"/>
                  <a:gd name="connsiteY1" fmla="*/ 481637 h 1536826"/>
                  <a:gd name="connsiteX2" fmla="*/ 531854 w 917770"/>
                  <a:gd name="connsiteY2" fmla="*/ 830414 h 1536826"/>
                  <a:gd name="connsiteX3" fmla="*/ 740664 w 917770"/>
                  <a:gd name="connsiteY3" fmla="*/ 1012017 h 1536826"/>
                  <a:gd name="connsiteX4" fmla="*/ 917617 w 917770"/>
                  <a:gd name="connsiteY4" fmla="*/ 1187600 h 1536826"/>
                  <a:gd name="connsiteX5" fmla="*/ 769242 w 917770"/>
                  <a:gd name="connsiteY5" fmla="*/ 1526368 h 1536826"/>
                  <a:gd name="connsiteX6" fmla="*/ 712090 w 917770"/>
                  <a:gd name="connsiteY6" fmla="*/ 1412067 h 1536826"/>
                  <a:gd name="connsiteX7" fmla="*/ 554927 w 917770"/>
                  <a:gd name="connsiteY7" fmla="*/ 1383492 h 1536826"/>
                  <a:gd name="connsiteX8" fmla="*/ 683515 w 917770"/>
                  <a:gd name="connsiteY8" fmla="*/ 1269192 h 1536826"/>
                  <a:gd name="connsiteX9" fmla="*/ 546143 w 917770"/>
                  <a:gd name="connsiteY9" fmla="*/ 1087591 h 1536826"/>
                  <a:gd name="connsiteX10" fmla="*/ 346116 w 917770"/>
                  <a:gd name="connsiteY10" fmla="*/ 959001 h 1536826"/>
                  <a:gd name="connsiteX11" fmla="*/ 231817 w 917770"/>
                  <a:gd name="connsiteY11" fmla="*/ 744689 h 1536826"/>
                  <a:gd name="connsiteX12" fmla="*/ 3217 w 917770"/>
                  <a:gd name="connsiteY12" fmla="*/ 330353 h 1536826"/>
                  <a:gd name="connsiteX13" fmla="*/ 434694 w 917770"/>
                  <a:gd name="connsiteY13" fmla="*/ 16 h 1536826"/>
                  <a:gd name="connsiteX0" fmla="*/ 460418 w 917770"/>
                  <a:gd name="connsiteY0" fmla="*/ 158901 h 1536826"/>
                  <a:gd name="connsiteX1" fmla="*/ 423244 w 917770"/>
                  <a:gd name="connsiteY1" fmla="*/ 481637 h 1536826"/>
                  <a:gd name="connsiteX2" fmla="*/ 531854 w 917770"/>
                  <a:gd name="connsiteY2" fmla="*/ 830414 h 1536826"/>
                  <a:gd name="connsiteX3" fmla="*/ 740664 w 917770"/>
                  <a:gd name="connsiteY3" fmla="*/ 1012017 h 1536826"/>
                  <a:gd name="connsiteX4" fmla="*/ 917617 w 917770"/>
                  <a:gd name="connsiteY4" fmla="*/ 1187600 h 1536826"/>
                  <a:gd name="connsiteX5" fmla="*/ 769242 w 917770"/>
                  <a:gd name="connsiteY5" fmla="*/ 1526368 h 1536826"/>
                  <a:gd name="connsiteX6" fmla="*/ 712090 w 917770"/>
                  <a:gd name="connsiteY6" fmla="*/ 1412067 h 1536826"/>
                  <a:gd name="connsiteX7" fmla="*/ 554927 w 917770"/>
                  <a:gd name="connsiteY7" fmla="*/ 1383492 h 1536826"/>
                  <a:gd name="connsiteX8" fmla="*/ 683515 w 917770"/>
                  <a:gd name="connsiteY8" fmla="*/ 1269192 h 1536826"/>
                  <a:gd name="connsiteX9" fmla="*/ 546143 w 917770"/>
                  <a:gd name="connsiteY9" fmla="*/ 1087591 h 1536826"/>
                  <a:gd name="connsiteX10" fmla="*/ 346116 w 917770"/>
                  <a:gd name="connsiteY10" fmla="*/ 959001 h 1536826"/>
                  <a:gd name="connsiteX11" fmla="*/ 231817 w 917770"/>
                  <a:gd name="connsiteY11" fmla="*/ 744689 h 1536826"/>
                  <a:gd name="connsiteX12" fmla="*/ 3217 w 917770"/>
                  <a:gd name="connsiteY12" fmla="*/ 330353 h 1536826"/>
                  <a:gd name="connsiteX13" fmla="*/ 434694 w 917770"/>
                  <a:gd name="connsiteY13" fmla="*/ 16 h 1536826"/>
                  <a:gd name="connsiteX0" fmla="*/ 460418 w 917770"/>
                  <a:gd name="connsiteY0" fmla="*/ 158901 h 1536826"/>
                  <a:gd name="connsiteX1" fmla="*/ 423244 w 917770"/>
                  <a:gd name="connsiteY1" fmla="*/ 481637 h 1536826"/>
                  <a:gd name="connsiteX2" fmla="*/ 531854 w 917770"/>
                  <a:gd name="connsiteY2" fmla="*/ 830414 h 1536826"/>
                  <a:gd name="connsiteX3" fmla="*/ 740664 w 917770"/>
                  <a:gd name="connsiteY3" fmla="*/ 1012017 h 1536826"/>
                  <a:gd name="connsiteX4" fmla="*/ 917617 w 917770"/>
                  <a:gd name="connsiteY4" fmla="*/ 1187600 h 1536826"/>
                  <a:gd name="connsiteX5" fmla="*/ 769242 w 917770"/>
                  <a:gd name="connsiteY5" fmla="*/ 1526368 h 1536826"/>
                  <a:gd name="connsiteX6" fmla="*/ 712090 w 917770"/>
                  <a:gd name="connsiteY6" fmla="*/ 1412067 h 1536826"/>
                  <a:gd name="connsiteX7" fmla="*/ 554927 w 917770"/>
                  <a:gd name="connsiteY7" fmla="*/ 1383492 h 1536826"/>
                  <a:gd name="connsiteX8" fmla="*/ 683515 w 917770"/>
                  <a:gd name="connsiteY8" fmla="*/ 1269192 h 1536826"/>
                  <a:gd name="connsiteX9" fmla="*/ 546143 w 917770"/>
                  <a:gd name="connsiteY9" fmla="*/ 1087591 h 1536826"/>
                  <a:gd name="connsiteX10" fmla="*/ 346116 w 917770"/>
                  <a:gd name="connsiteY10" fmla="*/ 959001 h 1536826"/>
                  <a:gd name="connsiteX11" fmla="*/ 231817 w 917770"/>
                  <a:gd name="connsiteY11" fmla="*/ 744689 h 1536826"/>
                  <a:gd name="connsiteX12" fmla="*/ 3217 w 917770"/>
                  <a:gd name="connsiteY12" fmla="*/ 330353 h 1536826"/>
                  <a:gd name="connsiteX13" fmla="*/ 434694 w 917770"/>
                  <a:gd name="connsiteY13" fmla="*/ 16 h 1536826"/>
                  <a:gd name="connsiteX0" fmla="*/ 460418 w 917770"/>
                  <a:gd name="connsiteY0" fmla="*/ 158901 h 1536826"/>
                  <a:gd name="connsiteX1" fmla="*/ 423244 w 917770"/>
                  <a:gd name="connsiteY1" fmla="*/ 481637 h 1536826"/>
                  <a:gd name="connsiteX2" fmla="*/ 531854 w 917770"/>
                  <a:gd name="connsiteY2" fmla="*/ 830414 h 1536826"/>
                  <a:gd name="connsiteX3" fmla="*/ 726377 w 917770"/>
                  <a:gd name="connsiteY3" fmla="*/ 1026304 h 1536826"/>
                  <a:gd name="connsiteX4" fmla="*/ 740664 w 917770"/>
                  <a:gd name="connsiteY4" fmla="*/ 1012017 h 1536826"/>
                  <a:gd name="connsiteX5" fmla="*/ 917617 w 917770"/>
                  <a:gd name="connsiteY5" fmla="*/ 1187600 h 1536826"/>
                  <a:gd name="connsiteX6" fmla="*/ 769242 w 917770"/>
                  <a:gd name="connsiteY6" fmla="*/ 1526368 h 1536826"/>
                  <a:gd name="connsiteX7" fmla="*/ 712090 w 917770"/>
                  <a:gd name="connsiteY7" fmla="*/ 1412067 h 1536826"/>
                  <a:gd name="connsiteX8" fmla="*/ 554927 w 917770"/>
                  <a:gd name="connsiteY8" fmla="*/ 1383492 h 1536826"/>
                  <a:gd name="connsiteX9" fmla="*/ 683515 w 917770"/>
                  <a:gd name="connsiteY9" fmla="*/ 1269192 h 1536826"/>
                  <a:gd name="connsiteX10" fmla="*/ 546143 w 917770"/>
                  <a:gd name="connsiteY10" fmla="*/ 1087591 h 1536826"/>
                  <a:gd name="connsiteX11" fmla="*/ 346116 w 917770"/>
                  <a:gd name="connsiteY11" fmla="*/ 959001 h 1536826"/>
                  <a:gd name="connsiteX12" fmla="*/ 231817 w 917770"/>
                  <a:gd name="connsiteY12" fmla="*/ 744689 h 1536826"/>
                  <a:gd name="connsiteX13" fmla="*/ 3217 w 917770"/>
                  <a:gd name="connsiteY13" fmla="*/ 330353 h 1536826"/>
                  <a:gd name="connsiteX14" fmla="*/ 434694 w 917770"/>
                  <a:gd name="connsiteY14" fmla="*/ 16 h 1536826"/>
                  <a:gd name="connsiteX0" fmla="*/ 460418 w 917770"/>
                  <a:gd name="connsiteY0" fmla="*/ 158901 h 1536826"/>
                  <a:gd name="connsiteX1" fmla="*/ 423244 w 917770"/>
                  <a:gd name="connsiteY1" fmla="*/ 481637 h 1536826"/>
                  <a:gd name="connsiteX2" fmla="*/ 531854 w 917770"/>
                  <a:gd name="connsiteY2" fmla="*/ 830414 h 1536826"/>
                  <a:gd name="connsiteX3" fmla="*/ 726377 w 917770"/>
                  <a:gd name="connsiteY3" fmla="*/ 1026304 h 1536826"/>
                  <a:gd name="connsiteX4" fmla="*/ 740664 w 917770"/>
                  <a:gd name="connsiteY4" fmla="*/ 1012017 h 1536826"/>
                  <a:gd name="connsiteX5" fmla="*/ 917617 w 917770"/>
                  <a:gd name="connsiteY5" fmla="*/ 1187600 h 1536826"/>
                  <a:gd name="connsiteX6" fmla="*/ 769242 w 917770"/>
                  <a:gd name="connsiteY6" fmla="*/ 1526368 h 1536826"/>
                  <a:gd name="connsiteX7" fmla="*/ 712090 w 917770"/>
                  <a:gd name="connsiteY7" fmla="*/ 1412067 h 1536826"/>
                  <a:gd name="connsiteX8" fmla="*/ 554927 w 917770"/>
                  <a:gd name="connsiteY8" fmla="*/ 1383492 h 1536826"/>
                  <a:gd name="connsiteX9" fmla="*/ 683515 w 917770"/>
                  <a:gd name="connsiteY9" fmla="*/ 1269192 h 1536826"/>
                  <a:gd name="connsiteX10" fmla="*/ 546143 w 917770"/>
                  <a:gd name="connsiteY10" fmla="*/ 1087591 h 1536826"/>
                  <a:gd name="connsiteX11" fmla="*/ 346116 w 917770"/>
                  <a:gd name="connsiteY11" fmla="*/ 959001 h 1536826"/>
                  <a:gd name="connsiteX12" fmla="*/ 231817 w 917770"/>
                  <a:gd name="connsiteY12" fmla="*/ 744689 h 1536826"/>
                  <a:gd name="connsiteX13" fmla="*/ 3217 w 917770"/>
                  <a:gd name="connsiteY13" fmla="*/ 330353 h 1536826"/>
                  <a:gd name="connsiteX14" fmla="*/ 434694 w 917770"/>
                  <a:gd name="connsiteY14" fmla="*/ 16 h 1536826"/>
                  <a:gd name="connsiteX0" fmla="*/ 460418 w 921656"/>
                  <a:gd name="connsiteY0" fmla="*/ 158901 h 1536826"/>
                  <a:gd name="connsiteX1" fmla="*/ 423244 w 921656"/>
                  <a:gd name="connsiteY1" fmla="*/ 481637 h 1536826"/>
                  <a:gd name="connsiteX2" fmla="*/ 531854 w 921656"/>
                  <a:gd name="connsiteY2" fmla="*/ 830414 h 1536826"/>
                  <a:gd name="connsiteX3" fmla="*/ 726377 w 921656"/>
                  <a:gd name="connsiteY3" fmla="*/ 1026304 h 1536826"/>
                  <a:gd name="connsiteX4" fmla="*/ 597789 w 921656"/>
                  <a:gd name="connsiteY4" fmla="*/ 926292 h 1536826"/>
                  <a:gd name="connsiteX5" fmla="*/ 917617 w 921656"/>
                  <a:gd name="connsiteY5" fmla="*/ 1187600 h 1536826"/>
                  <a:gd name="connsiteX6" fmla="*/ 769242 w 921656"/>
                  <a:gd name="connsiteY6" fmla="*/ 1526368 h 1536826"/>
                  <a:gd name="connsiteX7" fmla="*/ 712090 w 921656"/>
                  <a:gd name="connsiteY7" fmla="*/ 1412067 h 1536826"/>
                  <a:gd name="connsiteX8" fmla="*/ 554927 w 921656"/>
                  <a:gd name="connsiteY8" fmla="*/ 1383492 h 1536826"/>
                  <a:gd name="connsiteX9" fmla="*/ 683515 w 921656"/>
                  <a:gd name="connsiteY9" fmla="*/ 1269192 h 1536826"/>
                  <a:gd name="connsiteX10" fmla="*/ 546143 w 921656"/>
                  <a:gd name="connsiteY10" fmla="*/ 1087591 h 1536826"/>
                  <a:gd name="connsiteX11" fmla="*/ 346116 w 921656"/>
                  <a:gd name="connsiteY11" fmla="*/ 959001 h 1536826"/>
                  <a:gd name="connsiteX12" fmla="*/ 231817 w 921656"/>
                  <a:gd name="connsiteY12" fmla="*/ 744689 h 1536826"/>
                  <a:gd name="connsiteX13" fmla="*/ 3217 w 921656"/>
                  <a:gd name="connsiteY13" fmla="*/ 330353 h 1536826"/>
                  <a:gd name="connsiteX14" fmla="*/ 434694 w 921656"/>
                  <a:gd name="connsiteY14" fmla="*/ 16 h 1536826"/>
                  <a:gd name="connsiteX0" fmla="*/ 460418 w 922053"/>
                  <a:gd name="connsiteY0" fmla="*/ 158901 h 1531483"/>
                  <a:gd name="connsiteX1" fmla="*/ 423244 w 922053"/>
                  <a:gd name="connsiteY1" fmla="*/ 481637 h 1531483"/>
                  <a:gd name="connsiteX2" fmla="*/ 531854 w 922053"/>
                  <a:gd name="connsiteY2" fmla="*/ 830414 h 1531483"/>
                  <a:gd name="connsiteX3" fmla="*/ 726377 w 922053"/>
                  <a:gd name="connsiteY3" fmla="*/ 1026304 h 1531483"/>
                  <a:gd name="connsiteX4" fmla="*/ 597789 w 922053"/>
                  <a:gd name="connsiteY4" fmla="*/ 926292 h 1531483"/>
                  <a:gd name="connsiteX5" fmla="*/ 917617 w 922053"/>
                  <a:gd name="connsiteY5" fmla="*/ 1187600 h 1531483"/>
                  <a:gd name="connsiteX6" fmla="*/ 769242 w 922053"/>
                  <a:gd name="connsiteY6" fmla="*/ 1526368 h 1531483"/>
                  <a:gd name="connsiteX7" fmla="*/ 554927 w 922053"/>
                  <a:gd name="connsiteY7" fmla="*/ 1383492 h 1531483"/>
                  <a:gd name="connsiteX8" fmla="*/ 683515 w 922053"/>
                  <a:gd name="connsiteY8" fmla="*/ 1269192 h 1531483"/>
                  <a:gd name="connsiteX9" fmla="*/ 546143 w 922053"/>
                  <a:gd name="connsiteY9" fmla="*/ 1087591 h 1531483"/>
                  <a:gd name="connsiteX10" fmla="*/ 346116 w 922053"/>
                  <a:gd name="connsiteY10" fmla="*/ 959001 h 1531483"/>
                  <a:gd name="connsiteX11" fmla="*/ 231817 w 922053"/>
                  <a:gd name="connsiteY11" fmla="*/ 744689 h 1531483"/>
                  <a:gd name="connsiteX12" fmla="*/ 3217 w 922053"/>
                  <a:gd name="connsiteY12" fmla="*/ 330353 h 1531483"/>
                  <a:gd name="connsiteX13" fmla="*/ 434694 w 922053"/>
                  <a:gd name="connsiteY13" fmla="*/ 16 h 1531483"/>
                  <a:gd name="connsiteX0" fmla="*/ 460418 w 922053"/>
                  <a:gd name="connsiteY0" fmla="*/ 158901 h 1531483"/>
                  <a:gd name="connsiteX1" fmla="*/ 423244 w 922053"/>
                  <a:gd name="connsiteY1" fmla="*/ 481637 h 1531483"/>
                  <a:gd name="connsiteX2" fmla="*/ 531854 w 922053"/>
                  <a:gd name="connsiteY2" fmla="*/ 830414 h 1531483"/>
                  <a:gd name="connsiteX3" fmla="*/ 726377 w 922053"/>
                  <a:gd name="connsiteY3" fmla="*/ 1026304 h 1531483"/>
                  <a:gd name="connsiteX4" fmla="*/ 597789 w 922053"/>
                  <a:gd name="connsiteY4" fmla="*/ 926292 h 1531483"/>
                  <a:gd name="connsiteX5" fmla="*/ 917617 w 922053"/>
                  <a:gd name="connsiteY5" fmla="*/ 1187600 h 1531483"/>
                  <a:gd name="connsiteX6" fmla="*/ 769242 w 922053"/>
                  <a:gd name="connsiteY6" fmla="*/ 1526368 h 1531483"/>
                  <a:gd name="connsiteX7" fmla="*/ 554927 w 922053"/>
                  <a:gd name="connsiteY7" fmla="*/ 1383492 h 1531483"/>
                  <a:gd name="connsiteX8" fmla="*/ 697803 w 922053"/>
                  <a:gd name="connsiteY8" fmla="*/ 1226329 h 1531483"/>
                  <a:gd name="connsiteX9" fmla="*/ 546143 w 922053"/>
                  <a:gd name="connsiteY9" fmla="*/ 1087591 h 1531483"/>
                  <a:gd name="connsiteX10" fmla="*/ 346116 w 922053"/>
                  <a:gd name="connsiteY10" fmla="*/ 959001 h 1531483"/>
                  <a:gd name="connsiteX11" fmla="*/ 231817 w 922053"/>
                  <a:gd name="connsiteY11" fmla="*/ 744689 h 1531483"/>
                  <a:gd name="connsiteX12" fmla="*/ 3217 w 922053"/>
                  <a:gd name="connsiteY12" fmla="*/ 330353 h 1531483"/>
                  <a:gd name="connsiteX13" fmla="*/ 434694 w 922053"/>
                  <a:gd name="connsiteY13" fmla="*/ 16 h 1531483"/>
                  <a:gd name="connsiteX0" fmla="*/ 460418 w 922053"/>
                  <a:gd name="connsiteY0" fmla="*/ 158901 h 1542322"/>
                  <a:gd name="connsiteX1" fmla="*/ 423244 w 922053"/>
                  <a:gd name="connsiteY1" fmla="*/ 481637 h 1542322"/>
                  <a:gd name="connsiteX2" fmla="*/ 531854 w 922053"/>
                  <a:gd name="connsiteY2" fmla="*/ 830414 h 1542322"/>
                  <a:gd name="connsiteX3" fmla="*/ 726377 w 922053"/>
                  <a:gd name="connsiteY3" fmla="*/ 1026304 h 1542322"/>
                  <a:gd name="connsiteX4" fmla="*/ 597789 w 922053"/>
                  <a:gd name="connsiteY4" fmla="*/ 926292 h 1542322"/>
                  <a:gd name="connsiteX5" fmla="*/ 917617 w 922053"/>
                  <a:gd name="connsiteY5" fmla="*/ 1187600 h 1542322"/>
                  <a:gd name="connsiteX6" fmla="*/ 769242 w 922053"/>
                  <a:gd name="connsiteY6" fmla="*/ 1526368 h 1542322"/>
                  <a:gd name="connsiteX7" fmla="*/ 554927 w 922053"/>
                  <a:gd name="connsiteY7" fmla="*/ 1383492 h 1542322"/>
                  <a:gd name="connsiteX8" fmla="*/ 697803 w 922053"/>
                  <a:gd name="connsiteY8" fmla="*/ 1226329 h 1542322"/>
                  <a:gd name="connsiteX9" fmla="*/ 546143 w 922053"/>
                  <a:gd name="connsiteY9" fmla="*/ 1087591 h 1542322"/>
                  <a:gd name="connsiteX10" fmla="*/ 346116 w 922053"/>
                  <a:gd name="connsiteY10" fmla="*/ 959001 h 1542322"/>
                  <a:gd name="connsiteX11" fmla="*/ 231817 w 922053"/>
                  <a:gd name="connsiteY11" fmla="*/ 744689 h 1542322"/>
                  <a:gd name="connsiteX12" fmla="*/ 3217 w 922053"/>
                  <a:gd name="connsiteY12" fmla="*/ 330353 h 1542322"/>
                  <a:gd name="connsiteX13" fmla="*/ 434694 w 922053"/>
                  <a:gd name="connsiteY13" fmla="*/ 16 h 1542322"/>
                  <a:gd name="connsiteX0" fmla="*/ 460418 w 922053"/>
                  <a:gd name="connsiteY0" fmla="*/ 158901 h 1542322"/>
                  <a:gd name="connsiteX1" fmla="*/ 423244 w 922053"/>
                  <a:gd name="connsiteY1" fmla="*/ 481637 h 1542322"/>
                  <a:gd name="connsiteX2" fmla="*/ 531854 w 922053"/>
                  <a:gd name="connsiteY2" fmla="*/ 830414 h 1542322"/>
                  <a:gd name="connsiteX3" fmla="*/ 726377 w 922053"/>
                  <a:gd name="connsiteY3" fmla="*/ 1026304 h 1542322"/>
                  <a:gd name="connsiteX4" fmla="*/ 597789 w 922053"/>
                  <a:gd name="connsiteY4" fmla="*/ 926292 h 1542322"/>
                  <a:gd name="connsiteX5" fmla="*/ 917617 w 922053"/>
                  <a:gd name="connsiteY5" fmla="*/ 1187600 h 1542322"/>
                  <a:gd name="connsiteX6" fmla="*/ 769242 w 922053"/>
                  <a:gd name="connsiteY6" fmla="*/ 1526368 h 1542322"/>
                  <a:gd name="connsiteX7" fmla="*/ 554927 w 922053"/>
                  <a:gd name="connsiteY7" fmla="*/ 1383492 h 1542322"/>
                  <a:gd name="connsiteX8" fmla="*/ 697803 w 922053"/>
                  <a:gd name="connsiteY8" fmla="*/ 1226329 h 1542322"/>
                  <a:gd name="connsiteX9" fmla="*/ 546143 w 922053"/>
                  <a:gd name="connsiteY9" fmla="*/ 1087591 h 1542322"/>
                  <a:gd name="connsiteX10" fmla="*/ 346116 w 922053"/>
                  <a:gd name="connsiteY10" fmla="*/ 959001 h 1542322"/>
                  <a:gd name="connsiteX11" fmla="*/ 231817 w 922053"/>
                  <a:gd name="connsiteY11" fmla="*/ 744689 h 1542322"/>
                  <a:gd name="connsiteX12" fmla="*/ 3217 w 922053"/>
                  <a:gd name="connsiteY12" fmla="*/ 330353 h 1542322"/>
                  <a:gd name="connsiteX13" fmla="*/ 434694 w 922053"/>
                  <a:gd name="connsiteY13" fmla="*/ 16 h 15423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922053" h="1542322">
                    <a:moveTo>
                      <a:pt x="460418" y="158901"/>
                    </a:moveTo>
                    <a:cubicBezTo>
                      <a:pt x="497085" y="215072"/>
                      <a:pt x="344663" y="319712"/>
                      <a:pt x="423244" y="481637"/>
                    </a:cubicBezTo>
                    <a:cubicBezTo>
                      <a:pt x="501825" y="643562"/>
                      <a:pt x="424182" y="696773"/>
                      <a:pt x="531854" y="830414"/>
                    </a:cubicBezTo>
                    <a:cubicBezTo>
                      <a:pt x="639526" y="964055"/>
                      <a:pt x="691575" y="996037"/>
                      <a:pt x="726377" y="1026304"/>
                    </a:cubicBezTo>
                    <a:cubicBezTo>
                      <a:pt x="761179" y="1056571"/>
                      <a:pt x="551628" y="887503"/>
                      <a:pt x="597789" y="926292"/>
                    </a:cubicBezTo>
                    <a:cubicBezTo>
                      <a:pt x="662083" y="985823"/>
                      <a:pt x="889042" y="1087587"/>
                      <a:pt x="917617" y="1187600"/>
                    </a:cubicBezTo>
                    <a:cubicBezTo>
                      <a:pt x="946193" y="1287613"/>
                      <a:pt x="829690" y="1493719"/>
                      <a:pt x="769242" y="1526368"/>
                    </a:cubicBezTo>
                    <a:cubicBezTo>
                      <a:pt x="708794" y="1559017"/>
                      <a:pt x="612077" y="1554942"/>
                      <a:pt x="554927" y="1383492"/>
                    </a:cubicBezTo>
                    <a:cubicBezTo>
                      <a:pt x="626364" y="1197754"/>
                      <a:pt x="720698" y="1268502"/>
                      <a:pt x="697803" y="1226329"/>
                    </a:cubicBezTo>
                    <a:cubicBezTo>
                      <a:pt x="674908" y="1184156"/>
                      <a:pt x="604758" y="1132146"/>
                      <a:pt x="546143" y="1087591"/>
                    </a:cubicBezTo>
                    <a:cubicBezTo>
                      <a:pt x="487529" y="1043036"/>
                      <a:pt x="398504" y="1016151"/>
                      <a:pt x="346116" y="959001"/>
                    </a:cubicBezTo>
                    <a:cubicBezTo>
                      <a:pt x="293728" y="901851"/>
                      <a:pt x="288967" y="849464"/>
                      <a:pt x="231817" y="744689"/>
                    </a:cubicBezTo>
                    <a:cubicBezTo>
                      <a:pt x="174667" y="639914"/>
                      <a:pt x="186573" y="401791"/>
                      <a:pt x="3217" y="330353"/>
                    </a:cubicBezTo>
                    <a:cubicBezTo>
                      <a:pt x="-43933" y="322922"/>
                      <a:pt x="443029" y="-2602"/>
                      <a:pt x="434694" y="16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5" name="Freeform 4"/>
              <p:cNvSpPr/>
              <p:nvPr/>
            </p:nvSpPr>
            <p:spPr>
              <a:xfrm>
                <a:off x="3064257" y="1624947"/>
                <a:ext cx="2330728" cy="3322179"/>
              </a:xfrm>
              <a:custGeom>
                <a:avLst/>
                <a:gdLst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700725 w 2330215"/>
                  <a:gd name="connsiteY5" fmla="*/ 674592 h 3339481"/>
                  <a:gd name="connsiteX6" fmla="*/ 1686437 w 2330215"/>
                  <a:gd name="connsiteY6" fmla="*/ 1246092 h 3339481"/>
                  <a:gd name="connsiteX7" fmla="*/ 1886462 w 2330215"/>
                  <a:gd name="connsiteY7" fmla="*/ 1017492 h 3339481"/>
                  <a:gd name="connsiteX8" fmla="*/ 1815025 w 2330215"/>
                  <a:gd name="connsiteY8" fmla="*/ 760317 h 3339481"/>
                  <a:gd name="connsiteX9" fmla="*/ 2029337 w 2330215"/>
                  <a:gd name="connsiteY9" fmla="*/ 817467 h 3339481"/>
                  <a:gd name="connsiteX10" fmla="*/ 2100775 w 2330215"/>
                  <a:gd name="connsiteY10" fmla="*/ 1117505 h 3339481"/>
                  <a:gd name="connsiteX11" fmla="*/ 1657862 w 2330215"/>
                  <a:gd name="connsiteY11" fmla="*/ 1560417 h 3339481"/>
                  <a:gd name="connsiteX12" fmla="*/ 1400687 w 2330215"/>
                  <a:gd name="connsiteY12" fmla="*/ 1703292 h 3339481"/>
                  <a:gd name="connsiteX13" fmla="*/ 1129225 w 2330215"/>
                  <a:gd name="connsiteY13" fmla="*/ 1160367 h 3339481"/>
                  <a:gd name="connsiteX14" fmla="*/ 743462 w 2330215"/>
                  <a:gd name="connsiteY14" fmla="*/ 1517555 h 3339481"/>
                  <a:gd name="connsiteX15" fmla="*/ 1586425 w 2330215"/>
                  <a:gd name="connsiteY15" fmla="*/ 1746155 h 3339481"/>
                  <a:gd name="connsiteX16" fmla="*/ 1100650 w 2330215"/>
                  <a:gd name="connsiteY16" fmla="*/ 2774855 h 3339481"/>
                  <a:gd name="connsiteX17" fmla="*/ 1357825 w 2330215"/>
                  <a:gd name="connsiteY17" fmla="*/ 3174905 h 3339481"/>
                  <a:gd name="connsiteX18" fmla="*/ 1214950 w 2330215"/>
                  <a:gd name="connsiteY18" fmla="*/ 3332067 h 3339481"/>
                  <a:gd name="connsiteX19" fmla="*/ 600587 w 2330215"/>
                  <a:gd name="connsiteY19" fmla="*/ 2960592 h 3339481"/>
                  <a:gd name="connsiteX20" fmla="*/ 800612 w 2330215"/>
                  <a:gd name="connsiteY20" fmla="*/ 2574830 h 3339481"/>
                  <a:gd name="connsiteX21" fmla="*/ 886337 w 2330215"/>
                  <a:gd name="connsiteY21" fmla="*/ 2074767 h 3339481"/>
                  <a:gd name="connsiteX22" fmla="*/ 1086362 w 2330215"/>
                  <a:gd name="connsiteY22" fmla="*/ 1946180 h 3339481"/>
                  <a:gd name="connsiteX23" fmla="*/ 443425 w 2330215"/>
                  <a:gd name="connsiteY23" fmla="*/ 2089055 h 3339481"/>
                  <a:gd name="connsiteX24" fmla="*/ 512 w 2330215"/>
                  <a:gd name="connsiteY24" fmla="*/ 1917605 h 3339481"/>
                  <a:gd name="connsiteX25" fmla="*/ 371987 w 2330215"/>
                  <a:gd name="connsiteY25" fmla="*/ 874617 h 3339481"/>
                  <a:gd name="connsiteX26" fmla="*/ 1114937 w 2330215"/>
                  <a:gd name="connsiteY26" fmla="*/ 331692 h 3339481"/>
                  <a:gd name="connsiteX27" fmla="*/ 1543562 w 2330215"/>
                  <a:gd name="connsiteY27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700725 w 2330215"/>
                  <a:gd name="connsiteY5" fmla="*/ 674592 h 3339481"/>
                  <a:gd name="connsiteX6" fmla="*/ 1686437 w 2330215"/>
                  <a:gd name="connsiteY6" fmla="*/ 1246092 h 3339481"/>
                  <a:gd name="connsiteX7" fmla="*/ 1886462 w 2330215"/>
                  <a:gd name="connsiteY7" fmla="*/ 1017492 h 3339481"/>
                  <a:gd name="connsiteX8" fmla="*/ 1815025 w 2330215"/>
                  <a:gd name="connsiteY8" fmla="*/ 760317 h 3339481"/>
                  <a:gd name="connsiteX9" fmla="*/ 2029337 w 2330215"/>
                  <a:gd name="connsiteY9" fmla="*/ 817467 h 3339481"/>
                  <a:gd name="connsiteX10" fmla="*/ 2100775 w 2330215"/>
                  <a:gd name="connsiteY10" fmla="*/ 1117505 h 3339481"/>
                  <a:gd name="connsiteX11" fmla="*/ 1657862 w 2330215"/>
                  <a:gd name="connsiteY11" fmla="*/ 1560417 h 3339481"/>
                  <a:gd name="connsiteX12" fmla="*/ 1400687 w 2330215"/>
                  <a:gd name="connsiteY12" fmla="*/ 1617567 h 3339481"/>
                  <a:gd name="connsiteX13" fmla="*/ 1129225 w 2330215"/>
                  <a:gd name="connsiteY13" fmla="*/ 1160367 h 3339481"/>
                  <a:gd name="connsiteX14" fmla="*/ 743462 w 2330215"/>
                  <a:gd name="connsiteY14" fmla="*/ 1517555 h 3339481"/>
                  <a:gd name="connsiteX15" fmla="*/ 1586425 w 2330215"/>
                  <a:gd name="connsiteY15" fmla="*/ 1746155 h 3339481"/>
                  <a:gd name="connsiteX16" fmla="*/ 1100650 w 2330215"/>
                  <a:gd name="connsiteY16" fmla="*/ 2774855 h 3339481"/>
                  <a:gd name="connsiteX17" fmla="*/ 1357825 w 2330215"/>
                  <a:gd name="connsiteY17" fmla="*/ 3174905 h 3339481"/>
                  <a:gd name="connsiteX18" fmla="*/ 1214950 w 2330215"/>
                  <a:gd name="connsiteY18" fmla="*/ 3332067 h 3339481"/>
                  <a:gd name="connsiteX19" fmla="*/ 600587 w 2330215"/>
                  <a:gd name="connsiteY19" fmla="*/ 2960592 h 3339481"/>
                  <a:gd name="connsiteX20" fmla="*/ 800612 w 2330215"/>
                  <a:gd name="connsiteY20" fmla="*/ 2574830 h 3339481"/>
                  <a:gd name="connsiteX21" fmla="*/ 886337 w 2330215"/>
                  <a:gd name="connsiteY21" fmla="*/ 2074767 h 3339481"/>
                  <a:gd name="connsiteX22" fmla="*/ 1086362 w 2330215"/>
                  <a:gd name="connsiteY22" fmla="*/ 1946180 h 3339481"/>
                  <a:gd name="connsiteX23" fmla="*/ 443425 w 2330215"/>
                  <a:gd name="connsiteY23" fmla="*/ 2089055 h 3339481"/>
                  <a:gd name="connsiteX24" fmla="*/ 512 w 2330215"/>
                  <a:gd name="connsiteY24" fmla="*/ 1917605 h 3339481"/>
                  <a:gd name="connsiteX25" fmla="*/ 371987 w 2330215"/>
                  <a:gd name="connsiteY25" fmla="*/ 874617 h 3339481"/>
                  <a:gd name="connsiteX26" fmla="*/ 1114937 w 2330215"/>
                  <a:gd name="connsiteY26" fmla="*/ 331692 h 3339481"/>
                  <a:gd name="connsiteX27" fmla="*/ 1543562 w 2330215"/>
                  <a:gd name="connsiteY27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700725 w 2330215"/>
                  <a:gd name="connsiteY5" fmla="*/ 674592 h 3339481"/>
                  <a:gd name="connsiteX6" fmla="*/ 1686437 w 2330215"/>
                  <a:gd name="connsiteY6" fmla="*/ 1246092 h 3339481"/>
                  <a:gd name="connsiteX7" fmla="*/ 1886462 w 2330215"/>
                  <a:gd name="connsiteY7" fmla="*/ 1017492 h 3339481"/>
                  <a:gd name="connsiteX8" fmla="*/ 1815025 w 2330215"/>
                  <a:gd name="connsiteY8" fmla="*/ 760317 h 3339481"/>
                  <a:gd name="connsiteX9" fmla="*/ 2015050 w 2330215"/>
                  <a:gd name="connsiteY9" fmla="*/ 860330 h 3339481"/>
                  <a:gd name="connsiteX10" fmla="*/ 2100775 w 2330215"/>
                  <a:gd name="connsiteY10" fmla="*/ 1117505 h 3339481"/>
                  <a:gd name="connsiteX11" fmla="*/ 1657862 w 2330215"/>
                  <a:gd name="connsiteY11" fmla="*/ 1560417 h 3339481"/>
                  <a:gd name="connsiteX12" fmla="*/ 1400687 w 2330215"/>
                  <a:gd name="connsiteY12" fmla="*/ 1617567 h 3339481"/>
                  <a:gd name="connsiteX13" fmla="*/ 1129225 w 2330215"/>
                  <a:gd name="connsiteY13" fmla="*/ 1160367 h 3339481"/>
                  <a:gd name="connsiteX14" fmla="*/ 743462 w 2330215"/>
                  <a:gd name="connsiteY14" fmla="*/ 1517555 h 3339481"/>
                  <a:gd name="connsiteX15" fmla="*/ 1586425 w 2330215"/>
                  <a:gd name="connsiteY15" fmla="*/ 1746155 h 3339481"/>
                  <a:gd name="connsiteX16" fmla="*/ 1100650 w 2330215"/>
                  <a:gd name="connsiteY16" fmla="*/ 2774855 h 3339481"/>
                  <a:gd name="connsiteX17" fmla="*/ 1357825 w 2330215"/>
                  <a:gd name="connsiteY17" fmla="*/ 3174905 h 3339481"/>
                  <a:gd name="connsiteX18" fmla="*/ 1214950 w 2330215"/>
                  <a:gd name="connsiteY18" fmla="*/ 3332067 h 3339481"/>
                  <a:gd name="connsiteX19" fmla="*/ 600587 w 2330215"/>
                  <a:gd name="connsiteY19" fmla="*/ 2960592 h 3339481"/>
                  <a:gd name="connsiteX20" fmla="*/ 800612 w 2330215"/>
                  <a:gd name="connsiteY20" fmla="*/ 2574830 h 3339481"/>
                  <a:gd name="connsiteX21" fmla="*/ 886337 w 2330215"/>
                  <a:gd name="connsiteY21" fmla="*/ 2074767 h 3339481"/>
                  <a:gd name="connsiteX22" fmla="*/ 1086362 w 2330215"/>
                  <a:gd name="connsiteY22" fmla="*/ 1946180 h 3339481"/>
                  <a:gd name="connsiteX23" fmla="*/ 443425 w 2330215"/>
                  <a:gd name="connsiteY23" fmla="*/ 2089055 h 3339481"/>
                  <a:gd name="connsiteX24" fmla="*/ 512 w 2330215"/>
                  <a:gd name="connsiteY24" fmla="*/ 1917605 h 3339481"/>
                  <a:gd name="connsiteX25" fmla="*/ 371987 w 2330215"/>
                  <a:gd name="connsiteY25" fmla="*/ 874617 h 3339481"/>
                  <a:gd name="connsiteX26" fmla="*/ 1114937 w 2330215"/>
                  <a:gd name="connsiteY26" fmla="*/ 331692 h 3339481"/>
                  <a:gd name="connsiteX27" fmla="*/ 1543562 w 2330215"/>
                  <a:gd name="connsiteY27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700725 w 2330215"/>
                  <a:gd name="connsiteY5" fmla="*/ 674592 h 3339481"/>
                  <a:gd name="connsiteX6" fmla="*/ 1686437 w 2330215"/>
                  <a:gd name="connsiteY6" fmla="*/ 1246092 h 3339481"/>
                  <a:gd name="connsiteX7" fmla="*/ 1886462 w 2330215"/>
                  <a:gd name="connsiteY7" fmla="*/ 1017492 h 3339481"/>
                  <a:gd name="connsiteX8" fmla="*/ 1757875 w 2330215"/>
                  <a:gd name="connsiteY8" fmla="*/ 846042 h 3339481"/>
                  <a:gd name="connsiteX9" fmla="*/ 2015050 w 2330215"/>
                  <a:gd name="connsiteY9" fmla="*/ 860330 h 3339481"/>
                  <a:gd name="connsiteX10" fmla="*/ 2100775 w 2330215"/>
                  <a:gd name="connsiteY10" fmla="*/ 1117505 h 3339481"/>
                  <a:gd name="connsiteX11" fmla="*/ 1657862 w 2330215"/>
                  <a:gd name="connsiteY11" fmla="*/ 1560417 h 3339481"/>
                  <a:gd name="connsiteX12" fmla="*/ 1400687 w 2330215"/>
                  <a:gd name="connsiteY12" fmla="*/ 1617567 h 3339481"/>
                  <a:gd name="connsiteX13" fmla="*/ 1129225 w 2330215"/>
                  <a:gd name="connsiteY13" fmla="*/ 1160367 h 3339481"/>
                  <a:gd name="connsiteX14" fmla="*/ 743462 w 2330215"/>
                  <a:gd name="connsiteY14" fmla="*/ 1517555 h 3339481"/>
                  <a:gd name="connsiteX15" fmla="*/ 1586425 w 2330215"/>
                  <a:gd name="connsiteY15" fmla="*/ 1746155 h 3339481"/>
                  <a:gd name="connsiteX16" fmla="*/ 1100650 w 2330215"/>
                  <a:gd name="connsiteY16" fmla="*/ 2774855 h 3339481"/>
                  <a:gd name="connsiteX17" fmla="*/ 1357825 w 2330215"/>
                  <a:gd name="connsiteY17" fmla="*/ 3174905 h 3339481"/>
                  <a:gd name="connsiteX18" fmla="*/ 1214950 w 2330215"/>
                  <a:gd name="connsiteY18" fmla="*/ 3332067 h 3339481"/>
                  <a:gd name="connsiteX19" fmla="*/ 600587 w 2330215"/>
                  <a:gd name="connsiteY19" fmla="*/ 2960592 h 3339481"/>
                  <a:gd name="connsiteX20" fmla="*/ 800612 w 2330215"/>
                  <a:gd name="connsiteY20" fmla="*/ 2574830 h 3339481"/>
                  <a:gd name="connsiteX21" fmla="*/ 886337 w 2330215"/>
                  <a:gd name="connsiteY21" fmla="*/ 2074767 h 3339481"/>
                  <a:gd name="connsiteX22" fmla="*/ 1086362 w 2330215"/>
                  <a:gd name="connsiteY22" fmla="*/ 1946180 h 3339481"/>
                  <a:gd name="connsiteX23" fmla="*/ 443425 w 2330215"/>
                  <a:gd name="connsiteY23" fmla="*/ 2089055 h 3339481"/>
                  <a:gd name="connsiteX24" fmla="*/ 512 w 2330215"/>
                  <a:gd name="connsiteY24" fmla="*/ 1917605 h 3339481"/>
                  <a:gd name="connsiteX25" fmla="*/ 371987 w 2330215"/>
                  <a:gd name="connsiteY25" fmla="*/ 874617 h 3339481"/>
                  <a:gd name="connsiteX26" fmla="*/ 1114937 w 2330215"/>
                  <a:gd name="connsiteY26" fmla="*/ 331692 h 3339481"/>
                  <a:gd name="connsiteX27" fmla="*/ 1543562 w 2330215"/>
                  <a:gd name="connsiteY27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686437 w 2330215"/>
                  <a:gd name="connsiteY6" fmla="*/ 1246092 h 3339481"/>
                  <a:gd name="connsiteX7" fmla="*/ 1886462 w 2330215"/>
                  <a:gd name="connsiteY7" fmla="*/ 1017492 h 3339481"/>
                  <a:gd name="connsiteX8" fmla="*/ 1757875 w 2330215"/>
                  <a:gd name="connsiteY8" fmla="*/ 846042 h 3339481"/>
                  <a:gd name="connsiteX9" fmla="*/ 2015050 w 2330215"/>
                  <a:gd name="connsiteY9" fmla="*/ 860330 h 3339481"/>
                  <a:gd name="connsiteX10" fmla="*/ 2100775 w 2330215"/>
                  <a:gd name="connsiteY10" fmla="*/ 1117505 h 3339481"/>
                  <a:gd name="connsiteX11" fmla="*/ 1657862 w 2330215"/>
                  <a:gd name="connsiteY11" fmla="*/ 1560417 h 3339481"/>
                  <a:gd name="connsiteX12" fmla="*/ 1400687 w 2330215"/>
                  <a:gd name="connsiteY12" fmla="*/ 1617567 h 3339481"/>
                  <a:gd name="connsiteX13" fmla="*/ 1129225 w 2330215"/>
                  <a:gd name="connsiteY13" fmla="*/ 1160367 h 3339481"/>
                  <a:gd name="connsiteX14" fmla="*/ 743462 w 2330215"/>
                  <a:gd name="connsiteY14" fmla="*/ 1517555 h 3339481"/>
                  <a:gd name="connsiteX15" fmla="*/ 1586425 w 2330215"/>
                  <a:gd name="connsiteY15" fmla="*/ 1746155 h 3339481"/>
                  <a:gd name="connsiteX16" fmla="*/ 1100650 w 2330215"/>
                  <a:gd name="connsiteY16" fmla="*/ 2774855 h 3339481"/>
                  <a:gd name="connsiteX17" fmla="*/ 1357825 w 2330215"/>
                  <a:gd name="connsiteY17" fmla="*/ 3174905 h 3339481"/>
                  <a:gd name="connsiteX18" fmla="*/ 1214950 w 2330215"/>
                  <a:gd name="connsiteY18" fmla="*/ 3332067 h 3339481"/>
                  <a:gd name="connsiteX19" fmla="*/ 600587 w 2330215"/>
                  <a:gd name="connsiteY19" fmla="*/ 2960592 h 3339481"/>
                  <a:gd name="connsiteX20" fmla="*/ 800612 w 2330215"/>
                  <a:gd name="connsiteY20" fmla="*/ 2574830 h 3339481"/>
                  <a:gd name="connsiteX21" fmla="*/ 886337 w 2330215"/>
                  <a:gd name="connsiteY21" fmla="*/ 2074767 h 3339481"/>
                  <a:gd name="connsiteX22" fmla="*/ 1086362 w 2330215"/>
                  <a:gd name="connsiteY22" fmla="*/ 1946180 h 3339481"/>
                  <a:gd name="connsiteX23" fmla="*/ 443425 w 2330215"/>
                  <a:gd name="connsiteY23" fmla="*/ 2089055 h 3339481"/>
                  <a:gd name="connsiteX24" fmla="*/ 512 w 2330215"/>
                  <a:gd name="connsiteY24" fmla="*/ 1917605 h 3339481"/>
                  <a:gd name="connsiteX25" fmla="*/ 371987 w 2330215"/>
                  <a:gd name="connsiteY25" fmla="*/ 874617 h 3339481"/>
                  <a:gd name="connsiteX26" fmla="*/ 1114937 w 2330215"/>
                  <a:gd name="connsiteY26" fmla="*/ 331692 h 3339481"/>
                  <a:gd name="connsiteX27" fmla="*/ 1543562 w 2330215"/>
                  <a:gd name="connsiteY27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614048 w 2330215"/>
                  <a:gd name="connsiteY6" fmla="*/ 957330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399736 w 2330215"/>
                  <a:gd name="connsiteY6" fmla="*/ 971618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14024 w 2330215"/>
                  <a:gd name="connsiteY6" fmla="*/ 914468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14024 w 2330215"/>
                  <a:gd name="connsiteY6" fmla="*/ 914468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29287 w 2330215"/>
                  <a:gd name="connsiteY7" fmla="*/ 1217517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29287 w 2330215"/>
                  <a:gd name="connsiteY7" fmla="*/ 1217517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814900 w 2330215"/>
                  <a:gd name="connsiteY15" fmla="*/ 1474693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29287 w 2330215"/>
                  <a:gd name="connsiteY7" fmla="*/ 1217517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057787 w 2330215"/>
                  <a:gd name="connsiteY14" fmla="*/ 1160367 h 3339481"/>
                  <a:gd name="connsiteX15" fmla="*/ 814900 w 2330215"/>
                  <a:gd name="connsiteY15" fmla="*/ 1474693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29287 w 2330215"/>
                  <a:gd name="connsiteY7" fmla="*/ 1217517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057787 w 2330215"/>
                  <a:gd name="connsiteY14" fmla="*/ 1160367 h 3339481"/>
                  <a:gd name="connsiteX15" fmla="*/ 814900 w 2330215"/>
                  <a:gd name="connsiteY15" fmla="*/ 1474693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29287 w 2330215"/>
                  <a:gd name="connsiteY7" fmla="*/ 1217517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057787 w 2330215"/>
                  <a:gd name="connsiteY14" fmla="*/ 1160367 h 3339481"/>
                  <a:gd name="connsiteX15" fmla="*/ 814900 w 2330215"/>
                  <a:gd name="connsiteY15" fmla="*/ 1474693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728"/>
                  <a:gd name="connsiteY0" fmla="*/ 271528 h 3322179"/>
                  <a:gd name="connsiteX1" fmla="*/ 1815025 w 2330728"/>
                  <a:gd name="connsiteY1" fmla="*/ 71503 h 3322179"/>
                  <a:gd name="connsiteX2" fmla="*/ 2086487 w 2330728"/>
                  <a:gd name="connsiteY2" fmla="*/ 65 h 3322179"/>
                  <a:gd name="connsiteX3" fmla="*/ 2329375 w 2330728"/>
                  <a:gd name="connsiteY3" fmla="*/ 385828 h 3322179"/>
                  <a:gd name="connsiteX4" fmla="*/ 2000762 w 2330728"/>
                  <a:gd name="connsiteY4" fmla="*/ 785878 h 3322179"/>
                  <a:gd name="connsiteX5" fmla="*/ 1643575 w 2330728"/>
                  <a:gd name="connsiteY5" fmla="*/ 657290 h 3322179"/>
                  <a:gd name="connsiteX6" fmla="*/ 1428311 w 2330728"/>
                  <a:gd name="connsiteY6" fmla="*/ 982891 h 3322179"/>
                  <a:gd name="connsiteX7" fmla="*/ 1629287 w 2330728"/>
                  <a:gd name="connsiteY7" fmla="*/ 1200215 h 3322179"/>
                  <a:gd name="connsiteX8" fmla="*/ 1886462 w 2330728"/>
                  <a:gd name="connsiteY8" fmla="*/ 1000190 h 3322179"/>
                  <a:gd name="connsiteX9" fmla="*/ 1757875 w 2330728"/>
                  <a:gd name="connsiteY9" fmla="*/ 828740 h 3322179"/>
                  <a:gd name="connsiteX10" fmla="*/ 2015050 w 2330728"/>
                  <a:gd name="connsiteY10" fmla="*/ 843028 h 3322179"/>
                  <a:gd name="connsiteX11" fmla="*/ 2100775 w 2330728"/>
                  <a:gd name="connsiteY11" fmla="*/ 1100203 h 3322179"/>
                  <a:gd name="connsiteX12" fmla="*/ 1657862 w 2330728"/>
                  <a:gd name="connsiteY12" fmla="*/ 1543115 h 3322179"/>
                  <a:gd name="connsiteX13" fmla="*/ 1400687 w 2330728"/>
                  <a:gd name="connsiteY13" fmla="*/ 1600265 h 3322179"/>
                  <a:gd name="connsiteX14" fmla="*/ 1057787 w 2330728"/>
                  <a:gd name="connsiteY14" fmla="*/ 1143065 h 3322179"/>
                  <a:gd name="connsiteX15" fmla="*/ 814900 w 2330728"/>
                  <a:gd name="connsiteY15" fmla="*/ 1457391 h 3322179"/>
                  <a:gd name="connsiteX16" fmla="*/ 1586425 w 2330728"/>
                  <a:gd name="connsiteY16" fmla="*/ 1728853 h 3322179"/>
                  <a:gd name="connsiteX17" fmla="*/ 1100650 w 2330728"/>
                  <a:gd name="connsiteY17" fmla="*/ 2757553 h 3322179"/>
                  <a:gd name="connsiteX18" fmla="*/ 1357825 w 2330728"/>
                  <a:gd name="connsiteY18" fmla="*/ 3157603 h 3322179"/>
                  <a:gd name="connsiteX19" fmla="*/ 1214950 w 2330728"/>
                  <a:gd name="connsiteY19" fmla="*/ 3314765 h 3322179"/>
                  <a:gd name="connsiteX20" fmla="*/ 600587 w 2330728"/>
                  <a:gd name="connsiteY20" fmla="*/ 2943290 h 3322179"/>
                  <a:gd name="connsiteX21" fmla="*/ 800612 w 2330728"/>
                  <a:gd name="connsiteY21" fmla="*/ 2557528 h 3322179"/>
                  <a:gd name="connsiteX22" fmla="*/ 886337 w 2330728"/>
                  <a:gd name="connsiteY22" fmla="*/ 2057465 h 3322179"/>
                  <a:gd name="connsiteX23" fmla="*/ 1086362 w 2330728"/>
                  <a:gd name="connsiteY23" fmla="*/ 1928878 h 3322179"/>
                  <a:gd name="connsiteX24" fmla="*/ 443425 w 2330728"/>
                  <a:gd name="connsiteY24" fmla="*/ 2071753 h 3322179"/>
                  <a:gd name="connsiteX25" fmla="*/ 512 w 2330728"/>
                  <a:gd name="connsiteY25" fmla="*/ 1900303 h 3322179"/>
                  <a:gd name="connsiteX26" fmla="*/ 371987 w 2330728"/>
                  <a:gd name="connsiteY26" fmla="*/ 857315 h 3322179"/>
                  <a:gd name="connsiteX27" fmla="*/ 1114937 w 2330728"/>
                  <a:gd name="connsiteY27" fmla="*/ 314390 h 3322179"/>
                  <a:gd name="connsiteX28" fmla="*/ 1543562 w 2330728"/>
                  <a:gd name="connsiteY28" fmla="*/ 271528 h 33221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</a:cxnLst>
                <a:rect l="l" t="t" r="r" b="b"/>
                <a:pathLst>
                  <a:path w="2330728" h="3322179">
                    <a:moveTo>
                      <a:pt x="1543562" y="271528"/>
                    </a:moveTo>
                    <a:cubicBezTo>
                      <a:pt x="1660243" y="231047"/>
                      <a:pt x="1724538" y="116747"/>
                      <a:pt x="1815025" y="71503"/>
                    </a:cubicBezTo>
                    <a:cubicBezTo>
                      <a:pt x="1905513" y="26259"/>
                      <a:pt x="1929324" y="4828"/>
                      <a:pt x="2086487" y="65"/>
                    </a:cubicBezTo>
                    <a:cubicBezTo>
                      <a:pt x="2243650" y="-4698"/>
                      <a:pt x="2343663" y="254859"/>
                      <a:pt x="2329375" y="385828"/>
                    </a:cubicBezTo>
                    <a:cubicBezTo>
                      <a:pt x="2315087" y="516797"/>
                      <a:pt x="2115062" y="740634"/>
                      <a:pt x="2000762" y="785878"/>
                    </a:cubicBezTo>
                    <a:cubicBezTo>
                      <a:pt x="1886462" y="831122"/>
                      <a:pt x="1738983" y="624455"/>
                      <a:pt x="1643575" y="657290"/>
                    </a:cubicBezTo>
                    <a:cubicBezTo>
                      <a:pt x="1548167" y="690125"/>
                      <a:pt x="1421167" y="887641"/>
                      <a:pt x="1428311" y="982891"/>
                    </a:cubicBezTo>
                    <a:cubicBezTo>
                      <a:pt x="1564042" y="1178153"/>
                      <a:pt x="1467204" y="1254482"/>
                      <a:pt x="1629287" y="1200215"/>
                    </a:cubicBezTo>
                    <a:cubicBezTo>
                      <a:pt x="1791370" y="1145948"/>
                      <a:pt x="1865031" y="1062103"/>
                      <a:pt x="1886462" y="1000190"/>
                    </a:cubicBezTo>
                    <a:cubicBezTo>
                      <a:pt x="1907893" y="938278"/>
                      <a:pt x="1736444" y="854934"/>
                      <a:pt x="1757875" y="828740"/>
                    </a:cubicBezTo>
                    <a:cubicBezTo>
                      <a:pt x="1779306" y="802546"/>
                      <a:pt x="1957900" y="797784"/>
                      <a:pt x="2015050" y="843028"/>
                    </a:cubicBezTo>
                    <a:cubicBezTo>
                      <a:pt x="2072200" y="888272"/>
                      <a:pt x="2160306" y="983522"/>
                      <a:pt x="2100775" y="1100203"/>
                    </a:cubicBezTo>
                    <a:cubicBezTo>
                      <a:pt x="2041244" y="1216884"/>
                      <a:pt x="1774543" y="1459771"/>
                      <a:pt x="1657862" y="1543115"/>
                    </a:cubicBezTo>
                    <a:cubicBezTo>
                      <a:pt x="1541181" y="1626459"/>
                      <a:pt x="1500699" y="1666940"/>
                      <a:pt x="1400687" y="1600265"/>
                    </a:cubicBezTo>
                    <a:cubicBezTo>
                      <a:pt x="1300675" y="1533590"/>
                      <a:pt x="1112556" y="1281177"/>
                      <a:pt x="1057787" y="1143065"/>
                    </a:cubicBezTo>
                    <a:cubicBezTo>
                      <a:pt x="1003018" y="1004953"/>
                      <a:pt x="726794" y="1359760"/>
                      <a:pt x="814900" y="1457391"/>
                    </a:cubicBezTo>
                    <a:cubicBezTo>
                      <a:pt x="903006" y="1555022"/>
                      <a:pt x="1538800" y="1512159"/>
                      <a:pt x="1586425" y="1728853"/>
                    </a:cubicBezTo>
                    <a:cubicBezTo>
                      <a:pt x="1634050" y="1945547"/>
                      <a:pt x="1138750" y="2519428"/>
                      <a:pt x="1100650" y="2757553"/>
                    </a:cubicBezTo>
                    <a:cubicBezTo>
                      <a:pt x="1062550" y="2995678"/>
                      <a:pt x="1338775" y="3064734"/>
                      <a:pt x="1357825" y="3157603"/>
                    </a:cubicBezTo>
                    <a:cubicBezTo>
                      <a:pt x="1376875" y="3250472"/>
                      <a:pt x="1341156" y="3350484"/>
                      <a:pt x="1214950" y="3314765"/>
                    </a:cubicBezTo>
                    <a:cubicBezTo>
                      <a:pt x="1088744" y="3279046"/>
                      <a:pt x="669643" y="3069496"/>
                      <a:pt x="600587" y="2943290"/>
                    </a:cubicBezTo>
                    <a:cubicBezTo>
                      <a:pt x="531531" y="2817084"/>
                      <a:pt x="752987" y="2705165"/>
                      <a:pt x="800612" y="2557528"/>
                    </a:cubicBezTo>
                    <a:cubicBezTo>
                      <a:pt x="848237" y="2409891"/>
                      <a:pt x="838712" y="2162240"/>
                      <a:pt x="886337" y="2057465"/>
                    </a:cubicBezTo>
                    <a:cubicBezTo>
                      <a:pt x="933962" y="1952690"/>
                      <a:pt x="1160181" y="1926497"/>
                      <a:pt x="1086362" y="1928878"/>
                    </a:cubicBezTo>
                    <a:cubicBezTo>
                      <a:pt x="1012543" y="1931259"/>
                      <a:pt x="624400" y="2076516"/>
                      <a:pt x="443425" y="2071753"/>
                    </a:cubicBezTo>
                    <a:cubicBezTo>
                      <a:pt x="262450" y="2066990"/>
                      <a:pt x="12418" y="2102709"/>
                      <a:pt x="512" y="1900303"/>
                    </a:cubicBezTo>
                    <a:cubicBezTo>
                      <a:pt x="-11394" y="1697897"/>
                      <a:pt x="186249" y="1121634"/>
                      <a:pt x="371987" y="857315"/>
                    </a:cubicBezTo>
                    <a:cubicBezTo>
                      <a:pt x="557725" y="592996"/>
                      <a:pt x="917293" y="407259"/>
                      <a:pt x="1114937" y="314390"/>
                    </a:cubicBezTo>
                    <a:cubicBezTo>
                      <a:pt x="1312581" y="221521"/>
                      <a:pt x="1426881" y="312009"/>
                      <a:pt x="1543562" y="271528"/>
                    </a:cubicBezTo>
                    <a:close/>
                  </a:path>
                </a:pathLst>
              </a:cu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</p:grpSp>
      <p:sp>
        <p:nvSpPr>
          <p:cNvPr id="16" name="Cloud Callout 15"/>
          <p:cNvSpPr/>
          <p:nvPr/>
        </p:nvSpPr>
        <p:spPr>
          <a:xfrm>
            <a:off x="934636" y="1486363"/>
            <a:ext cx="7083301" cy="2230125"/>
          </a:xfrm>
          <a:prstGeom prst="cloudCallout">
            <a:avLst>
              <a:gd name="adj1" fmla="val -29633"/>
              <a:gd name="adj2" fmla="val 70767"/>
            </a:avLst>
          </a:prstGeom>
          <a:solidFill>
            <a:schemeClr val="bg1">
              <a:lumMod val="95000"/>
            </a:schemeClr>
          </a:solidFill>
          <a:ln w="38100"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18" name="TextBox 17"/>
          <p:cNvSpPr txBox="1"/>
          <p:nvPr/>
        </p:nvSpPr>
        <p:spPr>
          <a:xfrm>
            <a:off x="2172030" y="2002453"/>
            <a:ext cx="4608512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2000" dirty="0" smtClean="0"/>
              <a:t>The best time to start the </a:t>
            </a:r>
            <a:r>
              <a:rPr lang="en-SG" sz="2000" dirty="0"/>
              <a:t>research design is </a:t>
            </a:r>
            <a:r>
              <a:rPr lang="en-SG" sz="2000" dirty="0" smtClean="0"/>
              <a:t>soon </a:t>
            </a:r>
            <a:r>
              <a:rPr lang="en-SG" sz="2000" dirty="0"/>
              <a:t>after conception of the social innovation</a:t>
            </a:r>
          </a:p>
          <a:p>
            <a:pPr algn="ctr"/>
            <a:endParaRPr lang="en-SG" sz="2000" dirty="0"/>
          </a:p>
        </p:txBody>
      </p:sp>
      <p:sp>
        <p:nvSpPr>
          <p:cNvPr id="10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028486" y="6492875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8061242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SG" dirty="0" smtClean="0"/>
              <a:t>The Need for Social Innovations</a:t>
            </a:r>
            <a:endParaRPr lang="en-SG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29836" y="1412776"/>
            <a:ext cx="7643192" cy="4525963"/>
          </a:xfrm>
        </p:spPr>
        <p:txBody>
          <a:bodyPr>
            <a:normAutofit/>
          </a:bodyPr>
          <a:lstStyle/>
          <a:p>
            <a:r>
              <a:rPr lang="en-SG" sz="2400" dirty="0" smtClean="0"/>
              <a:t>We want to offer better social services to those in need</a:t>
            </a:r>
          </a:p>
          <a:p>
            <a:r>
              <a:rPr lang="en-SG" sz="2400" dirty="0" smtClean="0"/>
              <a:t>We want to reach out to those who should be but are not under our radar yet</a:t>
            </a:r>
          </a:p>
          <a:p>
            <a:r>
              <a:rPr lang="en-SG" sz="2400" dirty="0" smtClean="0"/>
              <a:t>Society is changing and new services are needed</a:t>
            </a:r>
          </a:p>
          <a:p>
            <a:pPr lvl="1"/>
            <a:r>
              <a:rPr lang="en-SG" sz="2400" dirty="0" smtClean="0"/>
              <a:t>Population profile</a:t>
            </a:r>
          </a:p>
          <a:p>
            <a:pPr lvl="1"/>
            <a:r>
              <a:rPr lang="en-SG" sz="2400" dirty="0" smtClean="0"/>
              <a:t>Social norms</a:t>
            </a:r>
          </a:p>
          <a:p>
            <a:r>
              <a:rPr lang="en-SG" sz="2400" dirty="0" smtClean="0"/>
              <a:t>Social innovation is a response as well as an anticipation to what is needed by those in need </a:t>
            </a:r>
          </a:p>
          <a:p>
            <a:r>
              <a:rPr lang="en-SG" sz="2400" dirty="0" smtClean="0"/>
              <a:t>To have good social innovations, we need to first take stock of what is happening around us. 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7803237" y="4869414"/>
            <a:ext cx="1008112" cy="1728192"/>
            <a:chOff x="4067944" y="2996952"/>
            <a:chExt cx="1008112" cy="1728192"/>
          </a:xfrm>
        </p:grpSpPr>
        <p:sp>
          <p:nvSpPr>
            <p:cNvPr id="5" name="Oval 4"/>
            <p:cNvSpPr/>
            <p:nvPr/>
          </p:nvSpPr>
          <p:spPr>
            <a:xfrm>
              <a:off x="4437735" y="3036380"/>
              <a:ext cx="350289" cy="320612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6" name="Freeform 5"/>
            <p:cNvSpPr/>
            <p:nvPr/>
          </p:nvSpPr>
          <p:spPr>
            <a:xfrm>
              <a:off x="4067944" y="2996952"/>
              <a:ext cx="1008112" cy="1728192"/>
            </a:xfrm>
            <a:custGeom>
              <a:avLst/>
              <a:gdLst>
                <a:gd name="connsiteX0" fmla="*/ 281161 w 1870175"/>
                <a:gd name="connsiteY0" fmla="*/ 10184 h 3799857"/>
                <a:gd name="connsiteX1" fmla="*/ 724073 w 1870175"/>
                <a:gd name="connsiteY1" fmla="*/ 910297 h 3799857"/>
                <a:gd name="connsiteX2" fmla="*/ 1138411 w 1870175"/>
                <a:gd name="connsiteY2" fmla="*/ 953159 h 3799857"/>
                <a:gd name="connsiteX3" fmla="*/ 1681336 w 1870175"/>
                <a:gd name="connsiteY3" fmla="*/ 38759 h 3799857"/>
                <a:gd name="connsiteX4" fmla="*/ 1852786 w 1870175"/>
                <a:gd name="connsiteY4" fmla="*/ 267359 h 3799857"/>
                <a:gd name="connsiteX5" fmla="*/ 1309861 w 1870175"/>
                <a:gd name="connsiteY5" fmla="*/ 1153184 h 3799857"/>
                <a:gd name="connsiteX6" fmla="*/ 1281286 w 1870175"/>
                <a:gd name="connsiteY6" fmla="*/ 3482047 h 3799857"/>
                <a:gd name="connsiteX7" fmla="*/ 938386 w 1870175"/>
                <a:gd name="connsiteY7" fmla="*/ 3467759 h 3799857"/>
                <a:gd name="connsiteX8" fmla="*/ 924098 w 1870175"/>
                <a:gd name="connsiteY8" fmla="*/ 2224747 h 3799857"/>
                <a:gd name="connsiteX9" fmla="*/ 924098 w 1870175"/>
                <a:gd name="connsiteY9" fmla="*/ 3539197 h 3799857"/>
                <a:gd name="connsiteX10" fmla="*/ 595486 w 1870175"/>
                <a:gd name="connsiteY10" fmla="*/ 3582059 h 3799857"/>
                <a:gd name="connsiteX11" fmla="*/ 609773 w 1870175"/>
                <a:gd name="connsiteY11" fmla="*/ 1210334 h 3799857"/>
                <a:gd name="connsiteX12" fmla="*/ 9698 w 1870175"/>
                <a:gd name="connsiteY12" fmla="*/ 138772 h 3799857"/>
                <a:gd name="connsiteX13" fmla="*/ 295448 w 1870175"/>
                <a:gd name="connsiteY13" fmla="*/ 67334 h 3799857"/>
                <a:gd name="connsiteX0" fmla="*/ 281161 w 1870175"/>
                <a:gd name="connsiteY0" fmla="*/ 10184 h 3710679"/>
                <a:gd name="connsiteX1" fmla="*/ 724073 w 1870175"/>
                <a:gd name="connsiteY1" fmla="*/ 910297 h 3710679"/>
                <a:gd name="connsiteX2" fmla="*/ 1138411 w 1870175"/>
                <a:gd name="connsiteY2" fmla="*/ 953159 h 3710679"/>
                <a:gd name="connsiteX3" fmla="*/ 1681336 w 1870175"/>
                <a:gd name="connsiteY3" fmla="*/ 38759 h 3710679"/>
                <a:gd name="connsiteX4" fmla="*/ 1852786 w 1870175"/>
                <a:gd name="connsiteY4" fmla="*/ 267359 h 3710679"/>
                <a:gd name="connsiteX5" fmla="*/ 1309861 w 1870175"/>
                <a:gd name="connsiteY5" fmla="*/ 1153184 h 3710679"/>
                <a:gd name="connsiteX6" fmla="*/ 1281286 w 1870175"/>
                <a:gd name="connsiteY6" fmla="*/ 3482047 h 3710679"/>
                <a:gd name="connsiteX7" fmla="*/ 938386 w 1870175"/>
                <a:gd name="connsiteY7" fmla="*/ 3467759 h 3710679"/>
                <a:gd name="connsiteX8" fmla="*/ 924098 w 1870175"/>
                <a:gd name="connsiteY8" fmla="*/ 2224747 h 3710679"/>
                <a:gd name="connsiteX9" fmla="*/ 924098 w 1870175"/>
                <a:gd name="connsiteY9" fmla="*/ 3539197 h 3710679"/>
                <a:gd name="connsiteX10" fmla="*/ 595486 w 1870175"/>
                <a:gd name="connsiteY10" fmla="*/ 3439184 h 3710679"/>
                <a:gd name="connsiteX11" fmla="*/ 609773 w 1870175"/>
                <a:gd name="connsiteY11" fmla="*/ 1210334 h 3710679"/>
                <a:gd name="connsiteX12" fmla="*/ 9698 w 1870175"/>
                <a:gd name="connsiteY12" fmla="*/ 138772 h 3710679"/>
                <a:gd name="connsiteX13" fmla="*/ 295448 w 1870175"/>
                <a:gd name="connsiteY13" fmla="*/ 67334 h 3710679"/>
                <a:gd name="connsiteX0" fmla="*/ 281161 w 1870175"/>
                <a:gd name="connsiteY0" fmla="*/ 10184 h 3714089"/>
                <a:gd name="connsiteX1" fmla="*/ 724073 w 1870175"/>
                <a:gd name="connsiteY1" fmla="*/ 910297 h 3714089"/>
                <a:gd name="connsiteX2" fmla="*/ 1138411 w 1870175"/>
                <a:gd name="connsiteY2" fmla="*/ 953159 h 3714089"/>
                <a:gd name="connsiteX3" fmla="*/ 1681336 w 1870175"/>
                <a:gd name="connsiteY3" fmla="*/ 38759 h 3714089"/>
                <a:gd name="connsiteX4" fmla="*/ 1852786 w 1870175"/>
                <a:gd name="connsiteY4" fmla="*/ 267359 h 3714089"/>
                <a:gd name="connsiteX5" fmla="*/ 1309861 w 1870175"/>
                <a:gd name="connsiteY5" fmla="*/ 1153184 h 3714089"/>
                <a:gd name="connsiteX6" fmla="*/ 1281286 w 1870175"/>
                <a:gd name="connsiteY6" fmla="*/ 3496334 h 3714089"/>
                <a:gd name="connsiteX7" fmla="*/ 938386 w 1870175"/>
                <a:gd name="connsiteY7" fmla="*/ 3467759 h 3714089"/>
                <a:gd name="connsiteX8" fmla="*/ 924098 w 1870175"/>
                <a:gd name="connsiteY8" fmla="*/ 2224747 h 3714089"/>
                <a:gd name="connsiteX9" fmla="*/ 924098 w 1870175"/>
                <a:gd name="connsiteY9" fmla="*/ 3539197 h 3714089"/>
                <a:gd name="connsiteX10" fmla="*/ 595486 w 1870175"/>
                <a:gd name="connsiteY10" fmla="*/ 3439184 h 3714089"/>
                <a:gd name="connsiteX11" fmla="*/ 609773 w 1870175"/>
                <a:gd name="connsiteY11" fmla="*/ 1210334 h 3714089"/>
                <a:gd name="connsiteX12" fmla="*/ 9698 w 1870175"/>
                <a:gd name="connsiteY12" fmla="*/ 138772 h 3714089"/>
                <a:gd name="connsiteX13" fmla="*/ 295448 w 1870175"/>
                <a:gd name="connsiteY13" fmla="*/ 67334 h 3714089"/>
                <a:gd name="connsiteX0" fmla="*/ 281161 w 1870175"/>
                <a:gd name="connsiteY0" fmla="*/ 10184 h 3710679"/>
                <a:gd name="connsiteX1" fmla="*/ 724073 w 1870175"/>
                <a:gd name="connsiteY1" fmla="*/ 910297 h 3710679"/>
                <a:gd name="connsiteX2" fmla="*/ 1138411 w 1870175"/>
                <a:gd name="connsiteY2" fmla="*/ 953159 h 3710679"/>
                <a:gd name="connsiteX3" fmla="*/ 1681336 w 1870175"/>
                <a:gd name="connsiteY3" fmla="*/ 38759 h 3710679"/>
                <a:gd name="connsiteX4" fmla="*/ 1852786 w 1870175"/>
                <a:gd name="connsiteY4" fmla="*/ 267359 h 3710679"/>
                <a:gd name="connsiteX5" fmla="*/ 1309861 w 1870175"/>
                <a:gd name="connsiteY5" fmla="*/ 1153184 h 3710679"/>
                <a:gd name="connsiteX6" fmla="*/ 1281286 w 1870175"/>
                <a:gd name="connsiteY6" fmla="*/ 3496334 h 3710679"/>
                <a:gd name="connsiteX7" fmla="*/ 938386 w 1870175"/>
                <a:gd name="connsiteY7" fmla="*/ 3467759 h 3710679"/>
                <a:gd name="connsiteX8" fmla="*/ 924098 w 1870175"/>
                <a:gd name="connsiteY8" fmla="*/ 2224747 h 3710679"/>
                <a:gd name="connsiteX9" fmla="*/ 924098 w 1870175"/>
                <a:gd name="connsiteY9" fmla="*/ 3539197 h 3710679"/>
                <a:gd name="connsiteX10" fmla="*/ 595486 w 1870175"/>
                <a:gd name="connsiteY10" fmla="*/ 3439184 h 3710679"/>
                <a:gd name="connsiteX11" fmla="*/ 609773 w 1870175"/>
                <a:gd name="connsiteY11" fmla="*/ 1210334 h 3710679"/>
                <a:gd name="connsiteX12" fmla="*/ 9698 w 1870175"/>
                <a:gd name="connsiteY12" fmla="*/ 138772 h 3710679"/>
                <a:gd name="connsiteX13" fmla="*/ 295448 w 1870175"/>
                <a:gd name="connsiteY13" fmla="*/ 67334 h 3710679"/>
                <a:gd name="connsiteX0" fmla="*/ 281161 w 1870175"/>
                <a:gd name="connsiteY0" fmla="*/ 10184 h 3695136"/>
                <a:gd name="connsiteX1" fmla="*/ 724073 w 1870175"/>
                <a:gd name="connsiteY1" fmla="*/ 910297 h 3695136"/>
                <a:gd name="connsiteX2" fmla="*/ 1138411 w 1870175"/>
                <a:gd name="connsiteY2" fmla="*/ 953159 h 3695136"/>
                <a:gd name="connsiteX3" fmla="*/ 1681336 w 1870175"/>
                <a:gd name="connsiteY3" fmla="*/ 38759 h 3695136"/>
                <a:gd name="connsiteX4" fmla="*/ 1852786 w 1870175"/>
                <a:gd name="connsiteY4" fmla="*/ 267359 h 3695136"/>
                <a:gd name="connsiteX5" fmla="*/ 1309861 w 1870175"/>
                <a:gd name="connsiteY5" fmla="*/ 1153184 h 3695136"/>
                <a:gd name="connsiteX6" fmla="*/ 1281286 w 1870175"/>
                <a:gd name="connsiteY6" fmla="*/ 3496334 h 3695136"/>
                <a:gd name="connsiteX7" fmla="*/ 938386 w 1870175"/>
                <a:gd name="connsiteY7" fmla="*/ 3467759 h 3695136"/>
                <a:gd name="connsiteX8" fmla="*/ 924098 w 1870175"/>
                <a:gd name="connsiteY8" fmla="*/ 2224747 h 3695136"/>
                <a:gd name="connsiteX9" fmla="*/ 924098 w 1870175"/>
                <a:gd name="connsiteY9" fmla="*/ 3539197 h 3695136"/>
                <a:gd name="connsiteX10" fmla="*/ 595486 w 1870175"/>
                <a:gd name="connsiteY10" fmla="*/ 3439184 h 3695136"/>
                <a:gd name="connsiteX11" fmla="*/ 609773 w 1870175"/>
                <a:gd name="connsiteY11" fmla="*/ 1210334 h 3695136"/>
                <a:gd name="connsiteX12" fmla="*/ 9698 w 1870175"/>
                <a:gd name="connsiteY12" fmla="*/ 138772 h 3695136"/>
                <a:gd name="connsiteX13" fmla="*/ 295448 w 1870175"/>
                <a:gd name="connsiteY13" fmla="*/ 67334 h 3695136"/>
                <a:gd name="connsiteX0" fmla="*/ 281161 w 1870175"/>
                <a:gd name="connsiteY0" fmla="*/ 10184 h 3694199"/>
                <a:gd name="connsiteX1" fmla="*/ 724073 w 1870175"/>
                <a:gd name="connsiteY1" fmla="*/ 910297 h 3694199"/>
                <a:gd name="connsiteX2" fmla="*/ 1138411 w 1870175"/>
                <a:gd name="connsiteY2" fmla="*/ 953159 h 3694199"/>
                <a:gd name="connsiteX3" fmla="*/ 1681336 w 1870175"/>
                <a:gd name="connsiteY3" fmla="*/ 38759 h 3694199"/>
                <a:gd name="connsiteX4" fmla="*/ 1852786 w 1870175"/>
                <a:gd name="connsiteY4" fmla="*/ 267359 h 3694199"/>
                <a:gd name="connsiteX5" fmla="*/ 1309861 w 1870175"/>
                <a:gd name="connsiteY5" fmla="*/ 1153184 h 3694199"/>
                <a:gd name="connsiteX6" fmla="*/ 1281286 w 1870175"/>
                <a:gd name="connsiteY6" fmla="*/ 3496334 h 3694199"/>
                <a:gd name="connsiteX7" fmla="*/ 938386 w 1870175"/>
                <a:gd name="connsiteY7" fmla="*/ 3467759 h 3694199"/>
                <a:gd name="connsiteX8" fmla="*/ 995536 w 1870175"/>
                <a:gd name="connsiteY8" fmla="*/ 2239034 h 3694199"/>
                <a:gd name="connsiteX9" fmla="*/ 924098 w 1870175"/>
                <a:gd name="connsiteY9" fmla="*/ 3539197 h 3694199"/>
                <a:gd name="connsiteX10" fmla="*/ 595486 w 1870175"/>
                <a:gd name="connsiteY10" fmla="*/ 3439184 h 3694199"/>
                <a:gd name="connsiteX11" fmla="*/ 609773 w 1870175"/>
                <a:gd name="connsiteY11" fmla="*/ 1210334 h 3694199"/>
                <a:gd name="connsiteX12" fmla="*/ 9698 w 1870175"/>
                <a:gd name="connsiteY12" fmla="*/ 138772 h 3694199"/>
                <a:gd name="connsiteX13" fmla="*/ 295448 w 1870175"/>
                <a:gd name="connsiteY13" fmla="*/ 67334 h 3694199"/>
                <a:gd name="connsiteX0" fmla="*/ 281161 w 1870175"/>
                <a:gd name="connsiteY0" fmla="*/ 10184 h 3694199"/>
                <a:gd name="connsiteX1" fmla="*/ 724073 w 1870175"/>
                <a:gd name="connsiteY1" fmla="*/ 910297 h 3694199"/>
                <a:gd name="connsiteX2" fmla="*/ 1138411 w 1870175"/>
                <a:gd name="connsiteY2" fmla="*/ 953159 h 3694199"/>
                <a:gd name="connsiteX3" fmla="*/ 1681336 w 1870175"/>
                <a:gd name="connsiteY3" fmla="*/ 38759 h 3694199"/>
                <a:gd name="connsiteX4" fmla="*/ 1852786 w 1870175"/>
                <a:gd name="connsiteY4" fmla="*/ 267359 h 3694199"/>
                <a:gd name="connsiteX5" fmla="*/ 1309861 w 1870175"/>
                <a:gd name="connsiteY5" fmla="*/ 1153184 h 3694199"/>
                <a:gd name="connsiteX6" fmla="*/ 1281286 w 1870175"/>
                <a:gd name="connsiteY6" fmla="*/ 3496334 h 3694199"/>
                <a:gd name="connsiteX7" fmla="*/ 938386 w 1870175"/>
                <a:gd name="connsiteY7" fmla="*/ 3467759 h 3694199"/>
                <a:gd name="connsiteX8" fmla="*/ 952674 w 1870175"/>
                <a:gd name="connsiteY8" fmla="*/ 2239034 h 3694199"/>
                <a:gd name="connsiteX9" fmla="*/ 924098 w 1870175"/>
                <a:gd name="connsiteY9" fmla="*/ 3539197 h 3694199"/>
                <a:gd name="connsiteX10" fmla="*/ 595486 w 1870175"/>
                <a:gd name="connsiteY10" fmla="*/ 3439184 h 3694199"/>
                <a:gd name="connsiteX11" fmla="*/ 609773 w 1870175"/>
                <a:gd name="connsiteY11" fmla="*/ 1210334 h 3694199"/>
                <a:gd name="connsiteX12" fmla="*/ 9698 w 1870175"/>
                <a:gd name="connsiteY12" fmla="*/ 138772 h 3694199"/>
                <a:gd name="connsiteX13" fmla="*/ 295448 w 1870175"/>
                <a:gd name="connsiteY13" fmla="*/ 67334 h 3694199"/>
                <a:gd name="connsiteX0" fmla="*/ 281161 w 1870175"/>
                <a:gd name="connsiteY0" fmla="*/ 10184 h 3694199"/>
                <a:gd name="connsiteX1" fmla="*/ 752648 w 1870175"/>
                <a:gd name="connsiteY1" fmla="*/ 853147 h 3694199"/>
                <a:gd name="connsiteX2" fmla="*/ 1138411 w 1870175"/>
                <a:gd name="connsiteY2" fmla="*/ 953159 h 3694199"/>
                <a:gd name="connsiteX3" fmla="*/ 1681336 w 1870175"/>
                <a:gd name="connsiteY3" fmla="*/ 38759 h 3694199"/>
                <a:gd name="connsiteX4" fmla="*/ 1852786 w 1870175"/>
                <a:gd name="connsiteY4" fmla="*/ 267359 h 3694199"/>
                <a:gd name="connsiteX5" fmla="*/ 1309861 w 1870175"/>
                <a:gd name="connsiteY5" fmla="*/ 1153184 h 3694199"/>
                <a:gd name="connsiteX6" fmla="*/ 1281286 w 1870175"/>
                <a:gd name="connsiteY6" fmla="*/ 3496334 h 3694199"/>
                <a:gd name="connsiteX7" fmla="*/ 938386 w 1870175"/>
                <a:gd name="connsiteY7" fmla="*/ 3467759 h 3694199"/>
                <a:gd name="connsiteX8" fmla="*/ 952674 w 1870175"/>
                <a:gd name="connsiteY8" fmla="*/ 2239034 h 3694199"/>
                <a:gd name="connsiteX9" fmla="*/ 924098 w 1870175"/>
                <a:gd name="connsiteY9" fmla="*/ 3539197 h 3694199"/>
                <a:gd name="connsiteX10" fmla="*/ 595486 w 1870175"/>
                <a:gd name="connsiteY10" fmla="*/ 3439184 h 3694199"/>
                <a:gd name="connsiteX11" fmla="*/ 609773 w 1870175"/>
                <a:gd name="connsiteY11" fmla="*/ 1210334 h 3694199"/>
                <a:gd name="connsiteX12" fmla="*/ 9698 w 1870175"/>
                <a:gd name="connsiteY12" fmla="*/ 138772 h 3694199"/>
                <a:gd name="connsiteX13" fmla="*/ 295448 w 1870175"/>
                <a:gd name="connsiteY13" fmla="*/ 67334 h 3694199"/>
                <a:gd name="connsiteX0" fmla="*/ 281161 w 1869343"/>
                <a:gd name="connsiteY0" fmla="*/ 5297 h 3689312"/>
                <a:gd name="connsiteX1" fmla="*/ 752648 w 1869343"/>
                <a:gd name="connsiteY1" fmla="*/ 848260 h 3689312"/>
                <a:gd name="connsiteX2" fmla="*/ 1195561 w 1869343"/>
                <a:gd name="connsiteY2" fmla="*/ 876834 h 3689312"/>
                <a:gd name="connsiteX3" fmla="*/ 1681336 w 1869343"/>
                <a:gd name="connsiteY3" fmla="*/ 33872 h 3689312"/>
                <a:gd name="connsiteX4" fmla="*/ 1852786 w 1869343"/>
                <a:gd name="connsiteY4" fmla="*/ 262472 h 3689312"/>
                <a:gd name="connsiteX5" fmla="*/ 1309861 w 1869343"/>
                <a:gd name="connsiteY5" fmla="*/ 1148297 h 3689312"/>
                <a:gd name="connsiteX6" fmla="*/ 1281286 w 1869343"/>
                <a:gd name="connsiteY6" fmla="*/ 3491447 h 3689312"/>
                <a:gd name="connsiteX7" fmla="*/ 938386 w 1869343"/>
                <a:gd name="connsiteY7" fmla="*/ 3462872 h 3689312"/>
                <a:gd name="connsiteX8" fmla="*/ 952674 w 1869343"/>
                <a:gd name="connsiteY8" fmla="*/ 2234147 h 3689312"/>
                <a:gd name="connsiteX9" fmla="*/ 924098 w 1869343"/>
                <a:gd name="connsiteY9" fmla="*/ 3534310 h 3689312"/>
                <a:gd name="connsiteX10" fmla="*/ 595486 w 1869343"/>
                <a:gd name="connsiteY10" fmla="*/ 3434297 h 3689312"/>
                <a:gd name="connsiteX11" fmla="*/ 609773 w 1869343"/>
                <a:gd name="connsiteY11" fmla="*/ 1205447 h 3689312"/>
                <a:gd name="connsiteX12" fmla="*/ 9698 w 1869343"/>
                <a:gd name="connsiteY12" fmla="*/ 133885 h 3689312"/>
                <a:gd name="connsiteX13" fmla="*/ 295448 w 1869343"/>
                <a:gd name="connsiteY13" fmla="*/ 62447 h 3689312"/>
                <a:gd name="connsiteX0" fmla="*/ 281161 w 1869343"/>
                <a:gd name="connsiteY0" fmla="*/ 5297 h 3689312"/>
                <a:gd name="connsiteX1" fmla="*/ 752648 w 1869343"/>
                <a:gd name="connsiteY1" fmla="*/ 848260 h 3689312"/>
                <a:gd name="connsiteX2" fmla="*/ 1195561 w 1869343"/>
                <a:gd name="connsiteY2" fmla="*/ 876834 h 3689312"/>
                <a:gd name="connsiteX3" fmla="*/ 1681336 w 1869343"/>
                <a:gd name="connsiteY3" fmla="*/ 33872 h 3689312"/>
                <a:gd name="connsiteX4" fmla="*/ 1852786 w 1869343"/>
                <a:gd name="connsiteY4" fmla="*/ 262472 h 3689312"/>
                <a:gd name="connsiteX5" fmla="*/ 1309861 w 1869343"/>
                <a:gd name="connsiteY5" fmla="*/ 1148297 h 3689312"/>
                <a:gd name="connsiteX6" fmla="*/ 1281286 w 1869343"/>
                <a:gd name="connsiteY6" fmla="*/ 3491447 h 3689312"/>
                <a:gd name="connsiteX7" fmla="*/ 938386 w 1869343"/>
                <a:gd name="connsiteY7" fmla="*/ 3462872 h 3689312"/>
                <a:gd name="connsiteX8" fmla="*/ 952674 w 1869343"/>
                <a:gd name="connsiteY8" fmla="*/ 2234147 h 3689312"/>
                <a:gd name="connsiteX9" fmla="*/ 924098 w 1869343"/>
                <a:gd name="connsiteY9" fmla="*/ 3534310 h 3689312"/>
                <a:gd name="connsiteX10" fmla="*/ 595486 w 1869343"/>
                <a:gd name="connsiteY10" fmla="*/ 3434297 h 3689312"/>
                <a:gd name="connsiteX11" fmla="*/ 609773 w 1869343"/>
                <a:gd name="connsiteY11" fmla="*/ 1205447 h 3689312"/>
                <a:gd name="connsiteX12" fmla="*/ 9698 w 1869343"/>
                <a:gd name="connsiteY12" fmla="*/ 133885 h 3689312"/>
                <a:gd name="connsiteX13" fmla="*/ 295448 w 1869343"/>
                <a:gd name="connsiteY13" fmla="*/ 62447 h 3689312"/>
                <a:gd name="connsiteX0" fmla="*/ 281161 w 1869343"/>
                <a:gd name="connsiteY0" fmla="*/ 5297 h 3689312"/>
                <a:gd name="connsiteX1" fmla="*/ 752648 w 1869343"/>
                <a:gd name="connsiteY1" fmla="*/ 848260 h 3689312"/>
                <a:gd name="connsiteX2" fmla="*/ 1195561 w 1869343"/>
                <a:gd name="connsiteY2" fmla="*/ 876834 h 3689312"/>
                <a:gd name="connsiteX3" fmla="*/ 1681336 w 1869343"/>
                <a:gd name="connsiteY3" fmla="*/ 33872 h 3689312"/>
                <a:gd name="connsiteX4" fmla="*/ 1852786 w 1869343"/>
                <a:gd name="connsiteY4" fmla="*/ 262472 h 3689312"/>
                <a:gd name="connsiteX5" fmla="*/ 1309861 w 1869343"/>
                <a:gd name="connsiteY5" fmla="*/ 1148297 h 3689312"/>
                <a:gd name="connsiteX6" fmla="*/ 1281286 w 1869343"/>
                <a:gd name="connsiteY6" fmla="*/ 3491447 h 3689312"/>
                <a:gd name="connsiteX7" fmla="*/ 938386 w 1869343"/>
                <a:gd name="connsiteY7" fmla="*/ 3462872 h 3689312"/>
                <a:gd name="connsiteX8" fmla="*/ 952674 w 1869343"/>
                <a:gd name="connsiteY8" fmla="*/ 2234147 h 3689312"/>
                <a:gd name="connsiteX9" fmla="*/ 924098 w 1869343"/>
                <a:gd name="connsiteY9" fmla="*/ 3534310 h 3689312"/>
                <a:gd name="connsiteX10" fmla="*/ 595486 w 1869343"/>
                <a:gd name="connsiteY10" fmla="*/ 3434297 h 3689312"/>
                <a:gd name="connsiteX11" fmla="*/ 609773 w 1869343"/>
                <a:gd name="connsiteY11" fmla="*/ 1205447 h 3689312"/>
                <a:gd name="connsiteX12" fmla="*/ 9698 w 1869343"/>
                <a:gd name="connsiteY12" fmla="*/ 133885 h 3689312"/>
                <a:gd name="connsiteX13" fmla="*/ 295448 w 1869343"/>
                <a:gd name="connsiteY13" fmla="*/ 62447 h 3689312"/>
                <a:gd name="connsiteX0" fmla="*/ 281161 w 1863912"/>
                <a:gd name="connsiteY0" fmla="*/ 947 h 3684962"/>
                <a:gd name="connsiteX1" fmla="*/ 752648 w 1863912"/>
                <a:gd name="connsiteY1" fmla="*/ 843910 h 3684962"/>
                <a:gd name="connsiteX2" fmla="*/ 1195561 w 1863912"/>
                <a:gd name="connsiteY2" fmla="*/ 872484 h 3684962"/>
                <a:gd name="connsiteX3" fmla="*/ 1638473 w 1863912"/>
                <a:gd name="connsiteY3" fmla="*/ 129535 h 3684962"/>
                <a:gd name="connsiteX4" fmla="*/ 1852786 w 1863912"/>
                <a:gd name="connsiteY4" fmla="*/ 258122 h 3684962"/>
                <a:gd name="connsiteX5" fmla="*/ 1309861 w 1863912"/>
                <a:gd name="connsiteY5" fmla="*/ 1143947 h 3684962"/>
                <a:gd name="connsiteX6" fmla="*/ 1281286 w 1863912"/>
                <a:gd name="connsiteY6" fmla="*/ 3487097 h 3684962"/>
                <a:gd name="connsiteX7" fmla="*/ 938386 w 1863912"/>
                <a:gd name="connsiteY7" fmla="*/ 3458522 h 3684962"/>
                <a:gd name="connsiteX8" fmla="*/ 952674 w 1863912"/>
                <a:gd name="connsiteY8" fmla="*/ 2229797 h 3684962"/>
                <a:gd name="connsiteX9" fmla="*/ 924098 w 1863912"/>
                <a:gd name="connsiteY9" fmla="*/ 3529960 h 3684962"/>
                <a:gd name="connsiteX10" fmla="*/ 595486 w 1863912"/>
                <a:gd name="connsiteY10" fmla="*/ 3429947 h 3684962"/>
                <a:gd name="connsiteX11" fmla="*/ 609773 w 1863912"/>
                <a:gd name="connsiteY11" fmla="*/ 1201097 h 3684962"/>
                <a:gd name="connsiteX12" fmla="*/ 9698 w 1863912"/>
                <a:gd name="connsiteY12" fmla="*/ 129535 h 3684962"/>
                <a:gd name="connsiteX13" fmla="*/ 295448 w 1863912"/>
                <a:gd name="connsiteY13" fmla="*/ 58097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242888 w 1863912"/>
                <a:gd name="connsiteY13" fmla="*/ 28466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742950 w 1863912"/>
                <a:gd name="connsiteY13" fmla="*/ 871429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742950 w 1863912"/>
                <a:gd name="connsiteY13" fmla="*/ 871429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771525 w 1863912"/>
                <a:gd name="connsiteY13" fmla="*/ 842854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857250 w 1863912"/>
                <a:gd name="connsiteY13" fmla="*/ 742842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757237 w 1863912"/>
                <a:gd name="connsiteY13" fmla="*/ 857142 h 3684962"/>
                <a:gd name="connsiteX0" fmla="*/ 752083 w 1863347"/>
                <a:gd name="connsiteY0" fmla="*/ 872680 h 3713732"/>
                <a:gd name="connsiteX1" fmla="*/ 1194996 w 1863347"/>
                <a:gd name="connsiteY1" fmla="*/ 901254 h 3713732"/>
                <a:gd name="connsiteX2" fmla="*/ 1637908 w 1863347"/>
                <a:gd name="connsiteY2" fmla="*/ 158305 h 3713732"/>
                <a:gd name="connsiteX3" fmla="*/ 1852221 w 1863347"/>
                <a:gd name="connsiteY3" fmla="*/ 286892 h 3713732"/>
                <a:gd name="connsiteX4" fmla="*/ 1309296 w 1863347"/>
                <a:gd name="connsiteY4" fmla="*/ 1172717 h 3713732"/>
                <a:gd name="connsiteX5" fmla="*/ 1280721 w 1863347"/>
                <a:gd name="connsiteY5" fmla="*/ 3515867 h 3713732"/>
                <a:gd name="connsiteX6" fmla="*/ 937821 w 1863347"/>
                <a:gd name="connsiteY6" fmla="*/ 3487292 h 3713732"/>
                <a:gd name="connsiteX7" fmla="*/ 952109 w 1863347"/>
                <a:gd name="connsiteY7" fmla="*/ 2258567 h 3713732"/>
                <a:gd name="connsiteX8" fmla="*/ 923533 w 1863347"/>
                <a:gd name="connsiteY8" fmla="*/ 3558730 h 3713732"/>
                <a:gd name="connsiteX9" fmla="*/ 594921 w 1863347"/>
                <a:gd name="connsiteY9" fmla="*/ 3458717 h 3713732"/>
                <a:gd name="connsiteX10" fmla="*/ 609208 w 1863347"/>
                <a:gd name="connsiteY10" fmla="*/ 1229867 h 3713732"/>
                <a:gd name="connsiteX11" fmla="*/ 9133 w 1863347"/>
                <a:gd name="connsiteY11" fmla="*/ 158305 h 3713732"/>
                <a:gd name="connsiteX12" fmla="*/ 294883 w 1863347"/>
                <a:gd name="connsiteY12" fmla="*/ 86867 h 3713732"/>
                <a:gd name="connsiteX13" fmla="*/ 756672 w 1863347"/>
                <a:gd name="connsiteY13" fmla="*/ 885912 h 37137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863347" h="3713732">
                  <a:moveTo>
                    <a:pt x="752083" y="872680"/>
                  </a:moveTo>
                  <a:cubicBezTo>
                    <a:pt x="904483" y="1017936"/>
                    <a:pt x="1047358" y="1020317"/>
                    <a:pt x="1194996" y="901254"/>
                  </a:cubicBezTo>
                  <a:cubicBezTo>
                    <a:pt x="1342634" y="782191"/>
                    <a:pt x="1528371" y="260699"/>
                    <a:pt x="1637908" y="158305"/>
                  </a:cubicBezTo>
                  <a:cubicBezTo>
                    <a:pt x="1747445" y="55911"/>
                    <a:pt x="1906990" y="117823"/>
                    <a:pt x="1852221" y="286892"/>
                  </a:cubicBezTo>
                  <a:cubicBezTo>
                    <a:pt x="1797452" y="455961"/>
                    <a:pt x="1404546" y="634555"/>
                    <a:pt x="1309296" y="1172717"/>
                  </a:cubicBezTo>
                  <a:cubicBezTo>
                    <a:pt x="1214046" y="1710879"/>
                    <a:pt x="1314058" y="3230118"/>
                    <a:pt x="1280721" y="3515867"/>
                  </a:cubicBezTo>
                  <a:cubicBezTo>
                    <a:pt x="1247384" y="3801616"/>
                    <a:pt x="992590" y="3696842"/>
                    <a:pt x="937821" y="3487292"/>
                  </a:cubicBezTo>
                  <a:cubicBezTo>
                    <a:pt x="883052" y="3277742"/>
                    <a:pt x="954490" y="2246661"/>
                    <a:pt x="952109" y="2258567"/>
                  </a:cubicBezTo>
                  <a:cubicBezTo>
                    <a:pt x="949728" y="2270473"/>
                    <a:pt x="983064" y="3358705"/>
                    <a:pt x="923533" y="3558730"/>
                  </a:cubicBezTo>
                  <a:cubicBezTo>
                    <a:pt x="864002" y="3758755"/>
                    <a:pt x="604445" y="3803998"/>
                    <a:pt x="594921" y="3458717"/>
                  </a:cubicBezTo>
                  <a:cubicBezTo>
                    <a:pt x="585397" y="3113436"/>
                    <a:pt x="706839" y="1779936"/>
                    <a:pt x="609208" y="1229867"/>
                  </a:cubicBezTo>
                  <a:cubicBezTo>
                    <a:pt x="511577" y="679798"/>
                    <a:pt x="61520" y="348805"/>
                    <a:pt x="9133" y="158305"/>
                  </a:cubicBezTo>
                  <a:cubicBezTo>
                    <a:pt x="-43255" y="-32195"/>
                    <a:pt x="140102" y="-44102"/>
                    <a:pt x="294883" y="86867"/>
                  </a:cubicBezTo>
                  <a:cubicBezTo>
                    <a:pt x="433760" y="255760"/>
                    <a:pt x="767622" y="892085"/>
                    <a:pt x="756672" y="885912"/>
                  </a:cubicBezTo>
                </a:path>
              </a:pathLst>
            </a:custGeom>
            <a:solidFill>
              <a:schemeClr val="accent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</p:spTree>
    <p:extLst>
      <p:ext uri="{BB962C8B-B14F-4D97-AF65-F5344CB8AC3E}">
        <p14:creationId xmlns:p14="http://schemas.microsoft.com/office/powerpoint/2010/main" val="121099966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5" name="Group 14"/>
          <p:cNvGrpSpPr/>
          <p:nvPr/>
        </p:nvGrpSpPr>
        <p:grpSpPr>
          <a:xfrm>
            <a:off x="340330" y="4077072"/>
            <a:ext cx="1185304" cy="2024005"/>
            <a:chOff x="2889372" y="1535594"/>
            <a:chExt cx="1185304" cy="2024005"/>
          </a:xfrm>
        </p:grpSpPr>
        <p:sp>
          <p:nvSpPr>
            <p:cNvPr id="14" name="Freeform 13"/>
            <p:cNvSpPr/>
            <p:nvPr/>
          </p:nvSpPr>
          <p:spPr>
            <a:xfrm>
              <a:off x="2889372" y="2646511"/>
              <a:ext cx="808316" cy="913088"/>
            </a:xfrm>
            <a:custGeom>
              <a:avLst/>
              <a:gdLst>
                <a:gd name="connsiteX0" fmla="*/ 460635 w 634342"/>
                <a:gd name="connsiteY0" fmla="*/ 77758 h 716564"/>
                <a:gd name="connsiteX1" fmla="*/ 117735 w 634342"/>
                <a:gd name="connsiteY1" fmla="*/ 63471 h 716564"/>
                <a:gd name="connsiteX2" fmla="*/ 32010 w 634342"/>
                <a:gd name="connsiteY2" fmla="*/ 592108 h 716564"/>
                <a:gd name="connsiteX3" fmla="*/ 617798 w 634342"/>
                <a:gd name="connsiteY3" fmla="*/ 677833 h 716564"/>
                <a:gd name="connsiteX4" fmla="*/ 460635 w 634342"/>
                <a:gd name="connsiteY4" fmla="*/ 77758 h 7165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634342" h="716564">
                  <a:moveTo>
                    <a:pt x="460635" y="77758"/>
                  </a:moveTo>
                  <a:cubicBezTo>
                    <a:pt x="377291" y="-24636"/>
                    <a:pt x="189172" y="-22254"/>
                    <a:pt x="117735" y="63471"/>
                  </a:cubicBezTo>
                  <a:cubicBezTo>
                    <a:pt x="46298" y="149196"/>
                    <a:pt x="-51334" y="489714"/>
                    <a:pt x="32010" y="592108"/>
                  </a:cubicBezTo>
                  <a:cubicBezTo>
                    <a:pt x="115354" y="694502"/>
                    <a:pt x="553504" y="763558"/>
                    <a:pt x="617798" y="677833"/>
                  </a:cubicBezTo>
                  <a:cubicBezTo>
                    <a:pt x="682092" y="592108"/>
                    <a:pt x="543979" y="180152"/>
                    <a:pt x="460635" y="77758"/>
                  </a:cubicBezTo>
                  <a:close/>
                </a:path>
              </a:pathLst>
            </a:custGeom>
            <a:solidFill>
              <a:schemeClr val="accent5">
                <a:lumMod val="75000"/>
              </a:schemeClr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grpSp>
          <p:nvGrpSpPr>
            <p:cNvPr id="13" name="Group 12"/>
            <p:cNvGrpSpPr/>
            <p:nvPr/>
          </p:nvGrpSpPr>
          <p:grpSpPr>
            <a:xfrm>
              <a:off x="3070989" y="1535594"/>
              <a:ext cx="1003687" cy="1840047"/>
              <a:chOff x="3064257" y="1624947"/>
              <a:chExt cx="2330728" cy="3322179"/>
            </a:xfrm>
          </p:grpSpPr>
          <p:sp>
            <p:nvSpPr>
              <p:cNvPr id="6" name="Freeform 5"/>
              <p:cNvSpPr/>
              <p:nvPr/>
            </p:nvSpPr>
            <p:spPr>
              <a:xfrm>
                <a:off x="3871337" y="3250823"/>
                <a:ext cx="1115278" cy="1540128"/>
              </a:xfrm>
              <a:custGeom>
                <a:avLst/>
                <a:gdLst>
                  <a:gd name="connsiteX0" fmla="*/ 318331 w 795988"/>
                  <a:gd name="connsiteY0" fmla="*/ 37120 h 1594457"/>
                  <a:gd name="connsiteX1" fmla="*/ 689806 w 795988"/>
                  <a:gd name="connsiteY1" fmla="*/ 37120 h 1594457"/>
                  <a:gd name="connsiteX2" fmla="*/ 775531 w 795988"/>
                  <a:gd name="connsiteY2" fmla="*/ 422882 h 1594457"/>
                  <a:gd name="connsiteX3" fmla="*/ 361193 w 795988"/>
                  <a:gd name="connsiteY3" fmla="*/ 608620 h 1594457"/>
                  <a:gd name="connsiteX4" fmla="*/ 4006 w 795988"/>
                  <a:gd name="connsiteY4" fmla="*/ 1122970 h 1594457"/>
                  <a:gd name="connsiteX5" fmla="*/ 175456 w 795988"/>
                  <a:gd name="connsiteY5" fmla="*/ 1451582 h 1594457"/>
                  <a:gd name="connsiteX6" fmla="*/ 275468 w 795988"/>
                  <a:gd name="connsiteY6" fmla="*/ 1551595 h 1594457"/>
                  <a:gd name="connsiteX7" fmla="*/ 204031 w 795988"/>
                  <a:gd name="connsiteY7" fmla="*/ 1594457 h 1594457"/>
                  <a:gd name="connsiteX0" fmla="*/ 318331 w 796249"/>
                  <a:gd name="connsiteY0" fmla="*/ 25703 h 1583040"/>
                  <a:gd name="connsiteX1" fmla="*/ 308025 w 796249"/>
                  <a:gd name="connsiteY1" fmla="*/ 34870 h 1583040"/>
                  <a:gd name="connsiteX2" fmla="*/ 689806 w 796249"/>
                  <a:gd name="connsiteY2" fmla="*/ 25703 h 1583040"/>
                  <a:gd name="connsiteX3" fmla="*/ 775531 w 796249"/>
                  <a:gd name="connsiteY3" fmla="*/ 411465 h 1583040"/>
                  <a:gd name="connsiteX4" fmla="*/ 361193 w 796249"/>
                  <a:gd name="connsiteY4" fmla="*/ 597203 h 1583040"/>
                  <a:gd name="connsiteX5" fmla="*/ 4006 w 796249"/>
                  <a:gd name="connsiteY5" fmla="*/ 1111553 h 1583040"/>
                  <a:gd name="connsiteX6" fmla="*/ 175456 w 796249"/>
                  <a:gd name="connsiteY6" fmla="*/ 1440165 h 1583040"/>
                  <a:gd name="connsiteX7" fmla="*/ 275468 w 796249"/>
                  <a:gd name="connsiteY7" fmla="*/ 1540178 h 1583040"/>
                  <a:gd name="connsiteX8" fmla="*/ 204031 w 796249"/>
                  <a:gd name="connsiteY8" fmla="*/ 1583040 h 1583040"/>
                  <a:gd name="connsiteX0" fmla="*/ 318331 w 793321"/>
                  <a:gd name="connsiteY0" fmla="*/ 25703 h 1583040"/>
                  <a:gd name="connsiteX1" fmla="*/ 436613 w 793321"/>
                  <a:gd name="connsiteY1" fmla="*/ 34870 h 1583040"/>
                  <a:gd name="connsiteX2" fmla="*/ 689806 w 793321"/>
                  <a:gd name="connsiteY2" fmla="*/ 25703 h 1583040"/>
                  <a:gd name="connsiteX3" fmla="*/ 775531 w 793321"/>
                  <a:gd name="connsiteY3" fmla="*/ 411465 h 1583040"/>
                  <a:gd name="connsiteX4" fmla="*/ 361193 w 793321"/>
                  <a:gd name="connsiteY4" fmla="*/ 597203 h 1583040"/>
                  <a:gd name="connsiteX5" fmla="*/ 4006 w 793321"/>
                  <a:gd name="connsiteY5" fmla="*/ 1111553 h 1583040"/>
                  <a:gd name="connsiteX6" fmla="*/ 175456 w 793321"/>
                  <a:gd name="connsiteY6" fmla="*/ 1440165 h 1583040"/>
                  <a:gd name="connsiteX7" fmla="*/ 275468 w 793321"/>
                  <a:gd name="connsiteY7" fmla="*/ 1540178 h 1583040"/>
                  <a:gd name="connsiteX8" fmla="*/ 204031 w 793321"/>
                  <a:gd name="connsiteY8" fmla="*/ 1583040 h 1583040"/>
                  <a:gd name="connsiteX0" fmla="*/ 18293 w 793321"/>
                  <a:gd name="connsiteY0" fmla="*/ 468615 h 1583040"/>
                  <a:gd name="connsiteX1" fmla="*/ 436613 w 793321"/>
                  <a:gd name="connsiteY1" fmla="*/ 34870 h 1583040"/>
                  <a:gd name="connsiteX2" fmla="*/ 689806 w 793321"/>
                  <a:gd name="connsiteY2" fmla="*/ 25703 h 1583040"/>
                  <a:gd name="connsiteX3" fmla="*/ 775531 w 793321"/>
                  <a:gd name="connsiteY3" fmla="*/ 411465 h 1583040"/>
                  <a:gd name="connsiteX4" fmla="*/ 361193 w 793321"/>
                  <a:gd name="connsiteY4" fmla="*/ 597203 h 1583040"/>
                  <a:gd name="connsiteX5" fmla="*/ 4006 w 793321"/>
                  <a:gd name="connsiteY5" fmla="*/ 1111553 h 1583040"/>
                  <a:gd name="connsiteX6" fmla="*/ 175456 w 793321"/>
                  <a:gd name="connsiteY6" fmla="*/ 1440165 h 1583040"/>
                  <a:gd name="connsiteX7" fmla="*/ 275468 w 793321"/>
                  <a:gd name="connsiteY7" fmla="*/ 1540178 h 1583040"/>
                  <a:gd name="connsiteX8" fmla="*/ 204031 w 793321"/>
                  <a:gd name="connsiteY8" fmla="*/ 1583040 h 1583040"/>
                  <a:gd name="connsiteX0" fmla="*/ 104018 w 793321"/>
                  <a:gd name="connsiteY0" fmla="*/ 168578 h 1583040"/>
                  <a:gd name="connsiteX1" fmla="*/ 436613 w 793321"/>
                  <a:gd name="connsiteY1" fmla="*/ 34870 h 1583040"/>
                  <a:gd name="connsiteX2" fmla="*/ 689806 w 793321"/>
                  <a:gd name="connsiteY2" fmla="*/ 25703 h 1583040"/>
                  <a:gd name="connsiteX3" fmla="*/ 775531 w 793321"/>
                  <a:gd name="connsiteY3" fmla="*/ 411465 h 1583040"/>
                  <a:gd name="connsiteX4" fmla="*/ 361193 w 793321"/>
                  <a:gd name="connsiteY4" fmla="*/ 597203 h 1583040"/>
                  <a:gd name="connsiteX5" fmla="*/ 4006 w 793321"/>
                  <a:gd name="connsiteY5" fmla="*/ 1111553 h 1583040"/>
                  <a:gd name="connsiteX6" fmla="*/ 175456 w 793321"/>
                  <a:gd name="connsiteY6" fmla="*/ 1440165 h 1583040"/>
                  <a:gd name="connsiteX7" fmla="*/ 275468 w 793321"/>
                  <a:gd name="connsiteY7" fmla="*/ 1540178 h 1583040"/>
                  <a:gd name="connsiteX8" fmla="*/ 204031 w 793321"/>
                  <a:gd name="connsiteY8" fmla="*/ 1583040 h 1583040"/>
                  <a:gd name="connsiteX0" fmla="*/ 104018 w 793321"/>
                  <a:gd name="connsiteY0" fmla="*/ 173645 h 1588107"/>
                  <a:gd name="connsiteX1" fmla="*/ 50850 w 793321"/>
                  <a:gd name="connsiteY1" fmla="*/ 168523 h 1588107"/>
                  <a:gd name="connsiteX2" fmla="*/ 436613 w 793321"/>
                  <a:gd name="connsiteY2" fmla="*/ 39937 h 1588107"/>
                  <a:gd name="connsiteX3" fmla="*/ 689806 w 793321"/>
                  <a:gd name="connsiteY3" fmla="*/ 30770 h 1588107"/>
                  <a:gd name="connsiteX4" fmla="*/ 775531 w 793321"/>
                  <a:gd name="connsiteY4" fmla="*/ 416532 h 1588107"/>
                  <a:gd name="connsiteX5" fmla="*/ 361193 w 793321"/>
                  <a:gd name="connsiteY5" fmla="*/ 602270 h 1588107"/>
                  <a:gd name="connsiteX6" fmla="*/ 4006 w 793321"/>
                  <a:gd name="connsiteY6" fmla="*/ 1116620 h 1588107"/>
                  <a:gd name="connsiteX7" fmla="*/ 175456 w 793321"/>
                  <a:gd name="connsiteY7" fmla="*/ 1445232 h 1588107"/>
                  <a:gd name="connsiteX8" fmla="*/ 275468 w 793321"/>
                  <a:gd name="connsiteY8" fmla="*/ 1545245 h 1588107"/>
                  <a:gd name="connsiteX9" fmla="*/ 204031 w 793321"/>
                  <a:gd name="connsiteY9" fmla="*/ 1588107 h 1588107"/>
                  <a:gd name="connsiteX0" fmla="*/ 104018 w 793321"/>
                  <a:gd name="connsiteY0" fmla="*/ 173645 h 1588107"/>
                  <a:gd name="connsiteX1" fmla="*/ 150863 w 793321"/>
                  <a:gd name="connsiteY1" fmla="*/ 125661 h 1588107"/>
                  <a:gd name="connsiteX2" fmla="*/ 436613 w 793321"/>
                  <a:gd name="connsiteY2" fmla="*/ 39937 h 1588107"/>
                  <a:gd name="connsiteX3" fmla="*/ 689806 w 793321"/>
                  <a:gd name="connsiteY3" fmla="*/ 30770 h 1588107"/>
                  <a:gd name="connsiteX4" fmla="*/ 775531 w 793321"/>
                  <a:gd name="connsiteY4" fmla="*/ 416532 h 1588107"/>
                  <a:gd name="connsiteX5" fmla="*/ 361193 w 793321"/>
                  <a:gd name="connsiteY5" fmla="*/ 602270 h 1588107"/>
                  <a:gd name="connsiteX6" fmla="*/ 4006 w 793321"/>
                  <a:gd name="connsiteY6" fmla="*/ 1116620 h 1588107"/>
                  <a:gd name="connsiteX7" fmla="*/ 175456 w 793321"/>
                  <a:gd name="connsiteY7" fmla="*/ 1445232 h 1588107"/>
                  <a:gd name="connsiteX8" fmla="*/ 275468 w 793321"/>
                  <a:gd name="connsiteY8" fmla="*/ 1545245 h 1588107"/>
                  <a:gd name="connsiteX9" fmla="*/ 204031 w 793321"/>
                  <a:gd name="connsiteY9" fmla="*/ 1588107 h 1588107"/>
                  <a:gd name="connsiteX0" fmla="*/ 189655 w 878958"/>
                  <a:gd name="connsiteY0" fmla="*/ 173645 h 1588107"/>
                  <a:gd name="connsiteX1" fmla="*/ 236500 w 878958"/>
                  <a:gd name="connsiteY1" fmla="*/ 125661 h 1588107"/>
                  <a:gd name="connsiteX2" fmla="*/ 522250 w 878958"/>
                  <a:gd name="connsiteY2" fmla="*/ 39937 h 1588107"/>
                  <a:gd name="connsiteX3" fmla="*/ 775443 w 878958"/>
                  <a:gd name="connsiteY3" fmla="*/ 30770 h 1588107"/>
                  <a:gd name="connsiteX4" fmla="*/ 861168 w 878958"/>
                  <a:gd name="connsiteY4" fmla="*/ 416532 h 1588107"/>
                  <a:gd name="connsiteX5" fmla="*/ 446830 w 878958"/>
                  <a:gd name="connsiteY5" fmla="*/ 602270 h 1588107"/>
                  <a:gd name="connsiteX6" fmla="*/ 89643 w 878958"/>
                  <a:gd name="connsiteY6" fmla="*/ 1116620 h 1588107"/>
                  <a:gd name="connsiteX7" fmla="*/ 261093 w 878958"/>
                  <a:gd name="connsiteY7" fmla="*/ 1445232 h 1588107"/>
                  <a:gd name="connsiteX8" fmla="*/ 361105 w 878958"/>
                  <a:gd name="connsiteY8" fmla="*/ 1545245 h 1588107"/>
                  <a:gd name="connsiteX9" fmla="*/ 289668 w 878958"/>
                  <a:gd name="connsiteY9" fmla="*/ 1588107 h 1588107"/>
                  <a:gd name="connsiteX0" fmla="*/ 413106 w 1102409"/>
                  <a:gd name="connsiteY0" fmla="*/ 173645 h 1588107"/>
                  <a:gd name="connsiteX1" fmla="*/ 174201 w 1102409"/>
                  <a:gd name="connsiteY1" fmla="*/ 339974 h 1588107"/>
                  <a:gd name="connsiteX2" fmla="*/ 745701 w 1102409"/>
                  <a:gd name="connsiteY2" fmla="*/ 39937 h 1588107"/>
                  <a:gd name="connsiteX3" fmla="*/ 998894 w 1102409"/>
                  <a:gd name="connsiteY3" fmla="*/ 30770 h 1588107"/>
                  <a:gd name="connsiteX4" fmla="*/ 1084619 w 1102409"/>
                  <a:gd name="connsiteY4" fmla="*/ 416532 h 1588107"/>
                  <a:gd name="connsiteX5" fmla="*/ 670281 w 1102409"/>
                  <a:gd name="connsiteY5" fmla="*/ 602270 h 1588107"/>
                  <a:gd name="connsiteX6" fmla="*/ 313094 w 1102409"/>
                  <a:gd name="connsiteY6" fmla="*/ 1116620 h 1588107"/>
                  <a:gd name="connsiteX7" fmla="*/ 484544 w 1102409"/>
                  <a:gd name="connsiteY7" fmla="*/ 1445232 h 1588107"/>
                  <a:gd name="connsiteX8" fmla="*/ 584556 w 1102409"/>
                  <a:gd name="connsiteY8" fmla="*/ 1545245 h 1588107"/>
                  <a:gd name="connsiteX9" fmla="*/ 513119 w 1102409"/>
                  <a:gd name="connsiteY9" fmla="*/ 1588107 h 1588107"/>
                  <a:gd name="connsiteX0" fmla="*/ 510713 w 1200016"/>
                  <a:gd name="connsiteY0" fmla="*/ 173645 h 1588107"/>
                  <a:gd name="connsiteX1" fmla="*/ 157508 w 1200016"/>
                  <a:gd name="connsiteY1" fmla="*/ 497137 h 1588107"/>
                  <a:gd name="connsiteX2" fmla="*/ 843308 w 1200016"/>
                  <a:gd name="connsiteY2" fmla="*/ 39937 h 1588107"/>
                  <a:gd name="connsiteX3" fmla="*/ 1096501 w 1200016"/>
                  <a:gd name="connsiteY3" fmla="*/ 30770 h 1588107"/>
                  <a:gd name="connsiteX4" fmla="*/ 1182226 w 1200016"/>
                  <a:gd name="connsiteY4" fmla="*/ 416532 h 1588107"/>
                  <a:gd name="connsiteX5" fmla="*/ 767888 w 1200016"/>
                  <a:gd name="connsiteY5" fmla="*/ 602270 h 1588107"/>
                  <a:gd name="connsiteX6" fmla="*/ 410701 w 1200016"/>
                  <a:gd name="connsiteY6" fmla="*/ 1116620 h 1588107"/>
                  <a:gd name="connsiteX7" fmla="*/ 582151 w 1200016"/>
                  <a:gd name="connsiteY7" fmla="*/ 1445232 h 1588107"/>
                  <a:gd name="connsiteX8" fmla="*/ 682163 w 1200016"/>
                  <a:gd name="connsiteY8" fmla="*/ 1545245 h 1588107"/>
                  <a:gd name="connsiteX9" fmla="*/ 610726 w 1200016"/>
                  <a:gd name="connsiteY9" fmla="*/ 1588107 h 1588107"/>
                  <a:gd name="connsiteX0" fmla="*/ 132022 w 821325"/>
                  <a:gd name="connsiteY0" fmla="*/ 173645 h 1588107"/>
                  <a:gd name="connsiteX1" fmla="*/ 264592 w 821325"/>
                  <a:gd name="connsiteY1" fmla="*/ 97087 h 1588107"/>
                  <a:gd name="connsiteX2" fmla="*/ 464617 w 821325"/>
                  <a:gd name="connsiteY2" fmla="*/ 39937 h 1588107"/>
                  <a:gd name="connsiteX3" fmla="*/ 717810 w 821325"/>
                  <a:gd name="connsiteY3" fmla="*/ 30770 h 1588107"/>
                  <a:gd name="connsiteX4" fmla="*/ 803535 w 821325"/>
                  <a:gd name="connsiteY4" fmla="*/ 416532 h 1588107"/>
                  <a:gd name="connsiteX5" fmla="*/ 389197 w 821325"/>
                  <a:gd name="connsiteY5" fmla="*/ 602270 h 1588107"/>
                  <a:gd name="connsiteX6" fmla="*/ 32010 w 821325"/>
                  <a:gd name="connsiteY6" fmla="*/ 1116620 h 1588107"/>
                  <a:gd name="connsiteX7" fmla="*/ 203460 w 821325"/>
                  <a:gd name="connsiteY7" fmla="*/ 1445232 h 1588107"/>
                  <a:gd name="connsiteX8" fmla="*/ 303472 w 821325"/>
                  <a:gd name="connsiteY8" fmla="*/ 1545245 h 1588107"/>
                  <a:gd name="connsiteX9" fmla="*/ 232035 w 821325"/>
                  <a:gd name="connsiteY9" fmla="*/ 1588107 h 1588107"/>
                  <a:gd name="connsiteX0" fmla="*/ 959 w 1090312"/>
                  <a:gd name="connsiteY0" fmla="*/ 816582 h 1588107"/>
                  <a:gd name="connsiteX1" fmla="*/ 533579 w 1090312"/>
                  <a:gd name="connsiteY1" fmla="*/ 97087 h 1588107"/>
                  <a:gd name="connsiteX2" fmla="*/ 733604 w 1090312"/>
                  <a:gd name="connsiteY2" fmla="*/ 39937 h 1588107"/>
                  <a:gd name="connsiteX3" fmla="*/ 986797 w 1090312"/>
                  <a:gd name="connsiteY3" fmla="*/ 30770 h 1588107"/>
                  <a:gd name="connsiteX4" fmla="*/ 1072522 w 1090312"/>
                  <a:gd name="connsiteY4" fmla="*/ 416532 h 1588107"/>
                  <a:gd name="connsiteX5" fmla="*/ 658184 w 1090312"/>
                  <a:gd name="connsiteY5" fmla="*/ 602270 h 1588107"/>
                  <a:gd name="connsiteX6" fmla="*/ 300997 w 1090312"/>
                  <a:gd name="connsiteY6" fmla="*/ 1116620 h 1588107"/>
                  <a:gd name="connsiteX7" fmla="*/ 472447 w 1090312"/>
                  <a:gd name="connsiteY7" fmla="*/ 1445232 h 1588107"/>
                  <a:gd name="connsiteX8" fmla="*/ 572459 w 1090312"/>
                  <a:gd name="connsiteY8" fmla="*/ 1545245 h 1588107"/>
                  <a:gd name="connsiteX9" fmla="*/ 501022 w 1090312"/>
                  <a:gd name="connsiteY9" fmla="*/ 1588107 h 1588107"/>
                  <a:gd name="connsiteX0" fmla="*/ 35442 w 1124795"/>
                  <a:gd name="connsiteY0" fmla="*/ 816582 h 1588107"/>
                  <a:gd name="connsiteX1" fmla="*/ 353750 w 1124795"/>
                  <a:gd name="connsiteY1" fmla="*/ 325687 h 1588107"/>
                  <a:gd name="connsiteX2" fmla="*/ 768087 w 1124795"/>
                  <a:gd name="connsiteY2" fmla="*/ 39937 h 1588107"/>
                  <a:gd name="connsiteX3" fmla="*/ 1021280 w 1124795"/>
                  <a:gd name="connsiteY3" fmla="*/ 30770 h 1588107"/>
                  <a:gd name="connsiteX4" fmla="*/ 1107005 w 1124795"/>
                  <a:gd name="connsiteY4" fmla="*/ 416532 h 1588107"/>
                  <a:gd name="connsiteX5" fmla="*/ 692667 w 1124795"/>
                  <a:gd name="connsiteY5" fmla="*/ 602270 h 1588107"/>
                  <a:gd name="connsiteX6" fmla="*/ 335480 w 1124795"/>
                  <a:gd name="connsiteY6" fmla="*/ 1116620 h 1588107"/>
                  <a:gd name="connsiteX7" fmla="*/ 506930 w 1124795"/>
                  <a:gd name="connsiteY7" fmla="*/ 1445232 h 1588107"/>
                  <a:gd name="connsiteX8" fmla="*/ 606942 w 1124795"/>
                  <a:gd name="connsiteY8" fmla="*/ 1545245 h 1588107"/>
                  <a:gd name="connsiteX9" fmla="*/ 535505 w 1124795"/>
                  <a:gd name="connsiteY9" fmla="*/ 1588107 h 1588107"/>
                  <a:gd name="connsiteX0" fmla="*/ 615 w 1089968"/>
                  <a:gd name="connsiteY0" fmla="*/ 816582 h 1588107"/>
                  <a:gd name="connsiteX1" fmla="*/ 318923 w 1089968"/>
                  <a:gd name="connsiteY1" fmla="*/ 325687 h 1588107"/>
                  <a:gd name="connsiteX2" fmla="*/ 733260 w 1089968"/>
                  <a:gd name="connsiteY2" fmla="*/ 39937 h 1588107"/>
                  <a:gd name="connsiteX3" fmla="*/ 986453 w 1089968"/>
                  <a:gd name="connsiteY3" fmla="*/ 30770 h 1588107"/>
                  <a:gd name="connsiteX4" fmla="*/ 1072178 w 1089968"/>
                  <a:gd name="connsiteY4" fmla="*/ 416532 h 1588107"/>
                  <a:gd name="connsiteX5" fmla="*/ 657840 w 1089968"/>
                  <a:gd name="connsiteY5" fmla="*/ 602270 h 1588107"/>
                  <a:gd name="connsiteX6" fmla="*/ 300653 w 1089968"/>
                  <a:gd name="connsiteY6" fmla="*/ 1116620 h 1588107"/>
                  <a:gd name="connsiteX7" fmla="*/ 472103 w 1089968"/>
                  <a:gd name="connsiteY7" fmla="*/ 1445232 h 1588107"/>
                  <a:gd name="connsiteX8" fmla="*/ 572115 w 1089968"/>
                  <a:gd name="connsiteY8" fmla="*/ 1545245 h 1588107"/>
                  <a:gd name="connsiteX9" fmla="*/ 500678 w 1089968"/>
                  <a:gd name="connsiteY9" fmla="*/ 1588107 h 1588107"/>
                  <a:gd name="connsiteX0" fmla="*/ 716 w 1090069"/>
                  <a:gd name="connsiteY0" fmla="*/ 816582 h 1588107"/>
                  <a:gd name="connsiteX1" fmla="*/ 304737 w 1090069"/>
                  <a:gd name="connsiteY1" fmla="*/ 268537 h 1588107"/>
                  <a:gd name="connsiteX2" fmla="*/ 733361 w 1090069"/>
                  <a:gd name="connsiteY2" fmla="*/ 39937 h 1588107"/>
                  <a:gd name="connsiteX3" fmla="*/ 986554 w 1090069"/>
                  <a:gd name="connsiteY3" fmla="*/ 30770 h 1588107"/>
                  <a:gd name="connsiteX4" fmla="*/ 1072279 w 1090069"/>
                  <a:gd name="connsiteY4" fmla="*/ 416532 h 1588107"/>
                  <a:gd name="connsiteX5" fmla="*/ 657941 w 1090069"/>
                  <a:gd name="connsiteY5" fmla="*/ 602270 h 1588107"/>
                  <a:gd name="connsiteX6" fmla="*/ 300754 w 1090069"/>
                  <a:gd name="connsiteY6" fmla="*/ 1116620 h 1588107"/>
                  <a:gd name="connsiteX7" fmla="*/ 472204 w 1090069"/>
                  <a:gd name="connsiteY7" fmla="*/ 1445232 h 1588107"/>
                  <a:gd name="connsiteX8" fmla="*/ 572216 w 1090069"/>
                  <a:gd name="connsiteY8" fmla="*/ 1545245 h 1588107"/>
                  <a:gd name="connsiteX9" fmla="*/ 500779 w 1090069"/>
                  <a:gd name="connsiteY9" fmla="*/ 1588107 h 1588107"/>
                  <a:gd name="connsiteX0" fmla="*/ 716 w 1090069"/>
                  <a:gd name="connsiteY0" fmla="*/ 816582 h 1588107"/>
                  <a:gd name="connsiteX1" fmla="*/ 304737 w 1090069"/>
                  <a:gd name="connsiteY1" fmla="*/ 268537 h 1588107"/>
                  <a:gd name="connsiteX2" fmla="*/ 733361 w 1090069"/>
                  <a:gd name="connsiteY2" fmla="*/ 39937 h 1588107"/>
                  <a:gd name="connsiteX3" fmla="*/ 986554 w 1090069"/>
                  <a:gd name="connsiteY3" fmla="*/ 30770 h 1588107"/>
                  <a:gd name="connsiteX4" fmla="*/ 1072279 w 1090069"/>
                  <a:gd name="connsiteY4" fmla="*/ 416532 h 1588107"/>
                  <a:gd name="connsiteX5" fmla="*/ 657941 w 1090069"/>
                  <a:gd name="connsiteY5" fmla="*/ 602270 h 1588107"/>
                  <a:gd name="connsiteX6" fmla="*/ 300754 w 1090069"/>
                  <a:gd name="connsiteY6" fmla="*/ 1116620 h 1588107"/>
                  <a:gd name="connsiteX7" fmla="*/ 472204 w 1090069"/>
                  <a:gd name="connsiteY7" fmla="*/ 1445232 h 1588107"/>
                  <a:gd name="connsiteX8" fmla="*/ 572216 w 1090069"/>
                  <a:gd name="connsiteY8" fmla="*/ 1545245 h 1588107"/>
                  <a:gd name="connsiteX9" fmla="*/ 500779 w 1090069"/>
                  <a:gd name="connsiteY9" fmla="*/ 1588107 h 1588107"/>
                  <a:gd name="connsiteX0" fmla="*/ 476 w 1132691"/>
                  <a:gd name="connsiteY0" fmla="*/ 845157 h 1588107"/>
                  <a:gd name="connsiteX1" fmla="*/ 347359 w 1132691"/>
                  <a:gd name="connsiteY1" fmla="*/ 268537 h 1588107"/>
                  <a:gd name="connsiteX2" fmla="*/ 775983 w 1132691"/>
                  <a:gd name="connsiteY2" fmla="*/ 39937 h 1588107"/>
                  <a:gd name="connsiteX3" fmla="*/ 1029176 w 1132691"/>
                  <a:gd name="connsiteY3" fmla="*/ 30770 h 1588107"/>
                  <a:gd name="connsiteX4" fmla="*/ 1114901 w 1132691"/>
                  <a:gd name="connsiteY4" fmla="*/ 416532 h 1588107"/>
                  <a:gd name="connsiteX5" fmla="*/ 700563 w 1132691"/>
                  <a:gd name="connsiteY5" fmla="*/ 602270 h 1588107"/>
                  <a:gd name="connsiteX6" fmla="*/ 343376 w 1132691"/>
                  <a:gd name="connsiteY6" fmla="*/ 1116620 h 1588107"/>
                  <a:gd name="connsiteX7" fmla="*/ 514826 w 1132691"/>
                  <a:gd name="connsiteY7" fmla="*/ 1445232 h 1588107"/>
                  <a:gd name="connsiteX8" fmla="*/ 614838 w 1132691"/>
                  <a:gd name="connsiteY8" fmla="*/ 1545245 h 1588107"/>
                  <a:gd name="connsiteX9" fmla="*/ 543401 w 1132691"/>
                  <a:gd name="connsiteY9" fmla="*/ 1588107 h 1588107"/>
                  <a:gd name="connsiteX0" fmla="*/ 12272 w 1144487"/>
                  <a:gd name="connsiteY0" fmla="*/ 845157 h 1588107"/>
                  <a:gd name="connsiteX1" fmla="*/ 30543 w 1144487"/>
                  <a:gd name="connsiteY1" fmla="*/ 840037 h 1588107"/>
                  <a:gd name="connsiteX2" fmla="*/ 359155 w 1144487"/>
                  <a:gd name="connsiteY2" fmla="*/ 268537 h 1588107"/>
                  <a:gd name="connsiteX3" fmla="*/ 787779 w 1144487"/>
                  <a:gd name="connsiteY3" fmla="*/ 39937 h 1588107"/>
                  <a:gd name="connsiteX4" fmla="*/ 1040972 w 1144487"/>
                  <a:gd name="connsiteY4" fmla="*/ 30770 h 1588107"/>
                  <a:gd name="connsiteX5" fmla="*/ 1126697 w 1144487"/>
                  <a:gd name="connsiteY5" fmla="*/ 416532 h 1588107"/>
                  <a:gd name="connsiteX6" fmla="*/ 712359 w 1144487"/>
                  <a:gd name="connsiteY6" fmla="*/ 602270 h 1588107"/>
                  <a:gd name="connsiteX7" fmla="*/ 355172 w 1144487"/>
                  <a:gd name="connsiteY7" fmla="*/ 1116620 h 1588107"/>
                  <a:gd name="connsiteX8" fmla="*/ 526622 w 1144487"/>
                  <a:gd name="connsiteY8" fmla="*/ 1445232 h 1588107"/>
                  <a:gd name="connsiteX9" fmla="*/ 626634 w 1144487"/>
                  <a:gd name="connsiteY9" fmla="*/ 1545245 h 1588107"/>
                  <a:gd name="connsiteX10" fmla="*/ 555197 w 1144487"/>
                  <a:gd name="connsiteY10" fmla="*/ 1588107 h 1588107"/>
                  <a:gd name="connsiteX0" fmla="*/ 0 w 1132215"/>
                  <a:gd name="connsiteY0" fmla="*/ 845157 h 1588107"/>
                  <a:gd name="connsiteX1" fmla="*/ 75421 w 1132215"/>
                  <a:gd name="connsiteY1" fmla="*/ 668587 h 1588107"/>
                  <a:gd name="connsiteX2" fmla="*/ 346883 w 1132215"/>
                  <a:gd name="connsiteY2" fmla="*/ 268537 h 1588107"/>
                  <a:gd name="connsiteX3" fmla="*/ 775507 w 1132215"/>
                  <a:gd name="connsiteY3" fmla="*/ 39937 h 1588107"/>
                  <a:gd name="connsiteX4" fmla="*/ 1028700 w 1132215"/>
                  <a:gd name="connsiteY4" fmla="*/ 30770 h 1588107"/>
                  <a:gd name="connsiteX5" fmla="*/ 1114425 w 1132215"/>
                  <a:gd name="connsiteY5" fmla="*/ 416532 h 1588107"/>
                  <a:gd name="connsiteX6" fmla="*/ 700087 w 1132215"/>
                  <a:gd name="connsiteY6" fmla="*/ 602270 h 1588107"/>
                  <a:gd name="connsiteX7" fmla="*/ 342900 w 1132215"/>
                  <a:gd name="connsiteY7" fmla="*/ 1116620 h 1588107"/>
                  <a:gd name="connsiteX8" fmla="*/ 514350 w 1132215"/>
                  <a:gd name="connsiteY8" fmla="*/ 1445232 h 1588107"/>
                  <a:gd name="connsiteX9" fmla="*/ 614362 w 1132215"/>
                  <a:gd name="connsiteY9" fmla="*/ 1545245 h 1588107"/>
                  <a:gd name="connsiteX10" fmla="*/ 542925 w 1132215"/>
                  <a:gd name="connsiteY10" fmla="*/ 1588107 h 1588107"/>
                  <a:gd name="connsiteX0" fmla="*/ 0 w 1275090"/>
                  <a:gd name="connsiteY0" fmla="*/ 1373794 h 1588107"/>
                  <a:gd name="connsiteX1" fmla="*/ 218296 w 1275090"/>
                  <a:gd name="connsiteY1" fmla="*/ 668587 h 1588107"/>
                  <a:gd name="connsiteX2" fmla="*/ 489758 w 1275090"/>
                  <a:gd name="connsiteY2" fmla="*/ 268537 h 1588107"/>
                  <a:gd name="connsiteX3" fmla="*/ 918382 w 1275090"/>
                  <a:gd name="connsiteY3" fmla="*/ 39937 h 1588107"/>
                  <a:gd name="connsiteX4" fmla="*/ 1171575 w 1275090"/>
                  <a:gd name="connsiteY4" fmla="*/ 30770 h 1588107"/>
                  <a:gd name="connsiteX5" fmla="*/ 1257300 w 1275090"/>
                  <a:gd name="connsiteY5" fmla="*/ 416532 h 1588107"/>
                  <a:gd name="connsiteX6" fmla="*/ 842962 w 1275090"/>
                  <a:gd name="connsiteY6" fmla="*/ 602270 h 1588107"/>
                  <a:gd name="connsiteX7" fmla="*/ 485775 w 1275090"/>
                  <a:gd name="connsiteY7" fmla="*/ 1116620 h 1588107"/>
                  <a:gd name="connsiteX8" fmla="*/ 657225 w 1275090"/>
                  <a:gd name="connsiteY8" fmla="*/ 1445232 h 1588107"/>
                  <a:gd name="connsiteX9" fmla="*/ 757237 w 1275090"/>
                  <a:gd name="connsiteY9" fmla="*/ 1545245 h 1588107"/>
                  <a:gd name="connsiteX10" fmla="*/ 685800 w 1275090"/>
                  <a:gd name="connsiteY10" fmla="*/ 1588107 h 1588107"/>
                  <a:gd name="connsiteX0" fmla="*/ 0 w 1275090"/>
                  <a:gd name="connsiteY0" fmla="*/ 1373794 h 1588107"/>
                  <a:gd name="connsiteX1" fmla="*/ 46846 w 1275090"/>
                  <a:gd name="connsiteY1" fmla="*/ 811462 h 1588107"/>
                  <a:gd name="connsiteX2" fmla="*/ 489758 w 1275090"/>
                  <a:gd name="connsiteY2" fmla="*/ 268537 h 1588107"/>
                  <a:gd name="connsiteX3" fmla="*/ 918382 w 1275090"/>
                  <a:gd name="connsiteY3" fmla="*/ 39937 h 1588107"/>
                  <a:gd name="connsiteX4" fmla="*/ 1171575 w 1275090"/>
                  <a:gd name="connsiteY4" fmla="*/ 30770 h 1588107"/>
                  <a:gd name="connsiteX5" fmla="*/ 1257300 w 1275090"/>
                  <a:gd name="connsiteY5" fmla="*/ 416532 h 1588107"/>
                  <a:gd name="connsiteX6" fmla="*/ 842962 w 1275090"/>
                  <a:gd name="connsiteY6" fmla="*/ 602270 h 1588107"/>
                  <a:gd name="connsiteX7" fmla="*/ 485775 w 1275090"/>
                  <a:gd name="connsiteY7" fmla="*/ 1116620 h 1588107"/>
                  <a:gd name="connsiteX8" fmla="*/ 657225 w 1275090"/>
                  <a:gd name="connsiteY8" fmla="*/ 1445232 h 1588107"/>
                  <a:gd name="connsiteX9" fmla="*/ 757237 w 1275090"/>
                  <a:gd name="connsiteY9" fmla="*/ 1545245 h 1588107"/>
                  <a:gd name="connsiteX10" fmla="*/ 685800 w 1275090"/>
                  <a:gd name="connsiteY10" fmla="*/ 1588107 h 1588107"/>
                  <a:gd name="connsiteX0" fmla="*/ 12273 w 1258788"/>
                  <a:gd name="connsiteY0" fmla="*/ 1488094 h 1588107"/>
                  <a:gd name="connsiteX1" fmla="*/ 30544 w 1258788"/>
                  <a:gd name="connsiteY1" fmla="*/ 811462 h 1588107"/>
                  <a:gd name="connsiteX2" fmla="*/ 473456 w 1258788"/>
                  <a:gd name="connsiteY2" fmla="*/ 268537 h 1588107"/>
                  <a:gd name="connsiteX3" fmla="*/ 902080 w 1258788"/>
                  <a:gd name="connsiteY3" fmla="*/ 39937 h 1588107"/>
                  <a:gd name="connsiteX4" fmla="*/ 1155273 w 1258788"/>
                  <a:gd name="connsiteY4" fmla="*/ 30770 h 1588107"/>
                  <a:gd name="connsiteX5" fmla="*/ 1240998 w 1258788"/>
                  <a:gd name="connsiteY5" fmla="*/ 416532 h 1588107"/>
                  <a:gd name="connsiteX6" fmla="*/ 826660 w 1258788"/>
                  <a:gd name="connsiteY6" fmla="*/ 602270 h 1588107"/>
                  <a:gd name="connsiteX7" fmla="*/ 469473 w 1258788"/>
                  <a:gd name="connsiteY7" fmla="*/ 1116620 h 1588107"/>
                  <a:gd name="connsiteX8" fmla="*/ 640923 w 1258788"/>
                  <a:gd name="connsiteY8" fmla="*/ 1445232 h 1588107"/>
                  <a:gd name="connsiteX9" fmla="*/ 740935 w 1258788"/>
                  <a:gd name="connsiteY9" fmla="*/ 1545245 h 1588107"/>
                  <a:gd name="connsiteX10" fmla="*/ 669498 w 1258788"/>
                  <a:gd name="connsiteY10" fmla="*/ 1588107 h 1588107"/>
                  <a:gd name="connsiteX0" fmla="*/ 0 w 1332240"/>
                  <a:gd name="connsiteY0" fmla="*/ 1345219 h 1588107"/>
                  <a:gd name="connsiteX1" fmla="*/ 103996 w 1332240"/>
                  <a:gd name="connsiteY1" fmla="*/ 811462 h 1588107"/>
                  <a:gd name="connsiteX2" fmla="*/ 546908 w 1332240"/>
                  <a:gd name="connsiteY2" fmla="*/ 268537 h 1588107"/>
                  <a:gd name="connsiteX3" fmla="*/ 975532 w 1332240"/>
                  <a:gd name="connsiteY3" fmla="*/ 39937 h 1588107"/>
                  <a:gd name="connsiteX4" fmla="*/ 1228725 w 1332240"/>
                  <a:gd name="connsiteY4" fmla="*/ 30770 h 1588107"/>
                  <a:gd name="connsiteX5" fmla="*/ 1314450 w 1332240"/>
                  <a:gd name="connsiteY5" fmla="*/ 416532 h 1588107"/>
                  <a:gd name="connsiteX6" fmla="*/ 900112 w 1332240"/>
                  <a:gd name="connsiteY6" fmla="*/ 602270 h 1588107"/>
                  <a:gd name="connsiteX7" fmla="*/ 542925 w 1332240"/>
                  <a:gd name="connsiteY7" fmla="*/ 1116620 h 1588107"/>
                  <a:gd name="connsiteX8" fmla="*/ 714375 w 1332240"/>
                  <a:gd name="connsiteY8" fmla="*/ 1445232 h 1588107"/>
                  <a:gd name="connsiteX9" fmla="*/ 814387 w 1332240"/>
                  <a:gd name="connsiteY9" fmla="*/ 1545245 h 1588107"/>
                  <a:gd name="connsiteX10" fmla="*/ 742950 w 1332240"/>
                  <a:gd name="connsiteY10" fmla="*/ 1588107 h 1588107"/>
                  <a:gd name="connsiteX0" fmla="*/ 4723 w 1336963"/>
                  <a:gd name="connsiteY0" fmla="*/ 1345219 h 1588107"/>
                  <a:gd name="connsiteX1" fmla="*/ 8706 w 1336963"/>
                  <a:gd name="connsiteY1" fmla="*/ 1382962 h 1588107"/>
                  <a:gd name="connsiteX2" fmla="*/ 108719 w 1336963"/>
                  <a:gd name="connsiteY2" fmla="*/ 811462 h 1588107"/>
                  <a:gd name="connsiteX3" fmla="*/ 551631 w 1336963"/>
                  <a:gd name="connsiteY3" fmla="*/ 268537 h 1588107"/>
                  <a:gd name="connsiteX4" fmla="*/ 980255 w 1336963"/>
                  <a:gd name="connsiteY4" fmla="*/ 39937 h 1588107"/>
                  <a:gd name="connsiteX5" fmla="*/ 1233448 w 1336963"/>
                  <a:gd name="connsiteY5" fmla="*/ 30770 h 1588107"/>
                  <a:gd name="connsiteX6" fmla="*/ 1319173 w 1336963"/>
                  <a:gd name="connsiteY6" fmla="*/ 416532 h 1588107"/>
                  <a:gd name="connsiteX7" fmla="*/ 904835 w 1336963"/>
                  <a:gd name="connsiteY7" fmla="*/ 602270 h 1588107"/>
                  <a:gd name="connsiteX8" fmla="*/ 547648 w 1336963"/>
                  <a:gd name="connsiteY8" fmla="*/ 1116620 h 1588107"/>
                  <a:gd name="connsiteX9" fmla="*/ 719098 w 1336963"/>
                  <a:gd name="connsiteY9" fmla="*/ 1445232 h 1588107"/>
                  <a:gd name="connsiteX10" fmla="*/ 819110 w 1336963"/>
                  <a:gd name="connsiteY10" fmla="*/ 1545245 h 1588107"/>
                  <a:gd name="connsiteX11" fmla="*/ 747673 w 1336963"/>
                  <a:gd name="connsiteY11" fmla="*/ 1588107 h 1588107"/>
                  <a:gd name="connsiteX0" fmla="*/ 0 w 1332240"/>
                  <a:gd name="connsiteY0" fmla="*/ 1345219 h 1588107"/>
                  <a:gd name="connsiteX1" fmla="*/ 75421 w 1332240"/>
                  <a:gd name="connsiteY1" fmla="*/ 1511550 h 1588107"/>
                  <a:gd name="connsiteX2" fmla="*/ 103996 w 1332240"/>
                  <a:gd name="connsiteY2" fmla="*/ 811462 h 1588107"/>
                  <a:gd name="connsiteX3" fmla="*/ 546908 w 1332240"/>
                  <a:gd name="connsiteY3" fmla="*/ 268537 h 1588107"/>
                  <a:gd name="connsiteX4" fmla="*/ 975532 w 1332240"/>
                  <a:gd name="connsiteY4" fmla="*/ 39937 h 1588107"/>
                  <a:gd name="connsiteX5" fmla="*/ 1228725 w 1332240"/>
                  <a:gd name="connsiteY5" fmla="*/ 30770 h 1588107"/>
                  <a:gd name="connsiteX6" fmla="*/ 1314450 w 1332240"/>
                  <a:gd name="connsiteY6" fmla="*/ 416532 h 1588107"/>
                  <a:gd name="connsiteX7" fmla="*/ 900112 w 1332240"/>
                  <a:gd name="connsiteY7" fmla="*/ 602270 h 1588107"/>
                  <a:gd name="connsiteX8" fmla="*/ 542925 w 1332240"/>
                  <a:gd name="connsiteY8" fmla="*/ 1116620 h 1588107"/>
                  <a:gd name="connsiteX9" fmla="*/ 714375 w 1332240"/>
                  <a:gd name="connsiteY9" fmla="*/ 1445232 h 1588107"/>
                  <a:gd name="connsiteX10" fmla="*/ 814387 w 1332240"/>
                  <a:gd name="connsiteY10" fmla="*/ 1545245 h 1588107"/>
                  <a:gd name="connsiteX11" fmla="*/ 742950 w 1332240"/>
                  <a:gd name="connsiteY11" fmla="*/ 1588107 h 1588107"/>
                  <a:gd name="connsiteX0" fmla="*/ 454595 w 1272485"/>
                  <a:gd name="connsiteY0" fmla="*/ 1902432 h 1902526"/>
                  <a:gd name="connsiteX1" fmla="*/ 15666 w 1272485"/>
                  <a:gd name="connsiteY1" fmla="*/ 1511550 h 1902526"/>
                  <a:gd name="connsiteX2" fmla="*/ 44241 w 1272485"/>
                  <a:gd name="connsiteY2" fmla="*/ 811462 h 1902526"/>
                  <a:gd name="connsiteX3" fmla="*/ 487153 w 1272485"/>
                  <a:gd name="connsiteY3" fmla="*/ 268537 h 1902526"/>
                  <a:gd name="connsiteX4" fmla="*/ 915777 w 1272485"/>
                  <a:gd name="connsiteY4" fmla="*/ 39937 h 1902526"/>
                  <a:gd name="connsiteX5" fmla="*/ 1168970 w 1272485"/>
                  <a:gd name="connsiteY5" fmla="*/ 30770 h 1902526"/>
                  <a:gd name="connsiteX6" fmla="*/ 1254695 w 1272485"/>
                  <a:gd name="connsiteY6" fmla="*/ 416532 h 1902526"/>
                  <a:gd name="connsiteX7" fmla="*/ 840357 w 1272485"/>
                  <a:gd name="connsiteY7" fmla="*/ 602270 h 1902526"/>
                  <a:gd name="connsiteX8" fmla="*/ 483170 w 1272485"/>
                  <a:gd name="connsiteY8" fmla="*/ 1116620 h 1902526"/>
                  <a:gd name="connsiteX9" fmla="*/ 654620 w 1272485"/>
                  <a:gd name="connsiteY9" fmla="*/ 1445232 h 1902526"/>
                  <a:gd name="connsiteX10" fmla="*/ 754632 w 1272485"/>
                  <a:gd name="connsiteY10" fmla="*/ 1545245 h 1902526"/>
                  <a:gd name="connsiteX11" fmla="*/ 683195 w 1272485"/>
                  <a:gd name="connsiteY11" fmla="*/ 1588107 h 1902526"/>
                  <a:gd name="connsiteX0" fmla="*/ 511745 w 1272485"/>
                  <a:gd name="connsiteY0" fmla="*/ 1916720 h 1916810"/>
                  <a:gd name="connsiteX1" fmla="*/ 15666 w 1272485"/>
                  <a:gd name="connsiteY1" fmla="*/ 1511550 h 1916810"/>
                  <a:gd name="connsiteX2" fmla="*/ 44241 w 1272485"/>
                  <a:gd name="connsiteY2" fmla="*/ 811462 h 1916810"/>
                  <a:gd name="connsiteX3" fmla="*/ 487153 w 1272485"/>
                  <a:gd name="connsiteY3" fmla="*/ 268537 h 1916810"/>
                  <a:gd name="connsiteX4" fmla="*/ 915777 w 1272485"/>
                  <a:gd name="connsiteY4" fmla="*/ 39937 h 1916810"/>
                  <a:gd name="connsiteX5" fmla="*/ 1168970 w 1272485"/>
                  <a:gd name="connsiteY5" fmla="*/ 30770 h 1916810"/>
                  <a:gd name="connsiteX6" fmla="*/ 1254695 w 1272485"/>
                  <a:gd name="connsiteY6" fmla="*/ 416532 h 1916810"/>
                  <a:gd name="connsiteX7" fmla="*/ 840357 w 1272485"/>
                  <a:gd name="connsiteY7" fmla="*/ 602270 h 1916810"/>
                  <a:gd name="connsiteX8" fmla="*/ 483170 w 1272485"/>
                  <a:gd name="connsiteY8" fmla="*/ 1116620 h 1916810"/>
                  <a:gd name="connsiteX9" fmla="*/ 654620 w 1272485"/>
                  <a:gd name="connsiteY9" fmla="*/ 1445232 h 1916810"/>
                  <a:gd name="connsiteX10" fmla="*/ 754632 w 1272485"/>
                  <a:gd name="connsiteY10" fmla="*/ 1545245 h 1916810"/>
                  <a:gd name="connsiteX11" fmla="*/ 683195 w 1272485"/>
                  <a:gd name="connsiteY11" fmla="*/ 1588107 h 1916810"/>
                  <a:gd name="connsiteX0" fmla="*/ 582172 w 1342912"/>
                  <a:gd name="connsiteY0" fmla="*/ 1916720 h 1916797"/>
                  <a:gd name="connsiteX1" fmla="*/ 368 w 1342912"/>
                  <a:gd name="connsiteY1" fmla="*/ 1454400 h 1916797"/>
                  <a:gd name="connsiteX2" fmla="*/ 114668 w 1342912"/>
                  <a:gd name="connsiteY2" fmla="*/ 811462 h 1916797"/>
                  <a:gd name="connsiteX3" fmla="*/ 557580 w 1342912"/>
                  <a:gd name="connsiteY3" fmla="*/ 268537 h 1916797"/>
                  <a:gd name="connsiteX4" fmla="*/ 986204 w 1342912"/>
                  <a:gd name="connsiteY4" fmla="*/ 39937 h 1916797"/>
                  <a:gd name="connsiteX5" fmla="*/ 1239397 w 1342912"/>
                  <a:gd name="connsiteY5" fmla="*/ 30770 h 1916797"/>
                  <a:gd name="connsiteX6" fmla="*/ 1325122 w 1342912"/>
                  <a:gd name="connsiteY6" fmla="*/ 416532 h 1916797"/>
                  <a:gd name="connsiteX7" fmla="*/ 910784 w 1342912"/>
                  <a:gd name="connsiteY7" fmla="*/ 602270 h 1916797"/>
                  <a:gd name="connsiteX8" fmla="*/ 553597 w 1342912"/>
                  <a:gd name="connsiteY8" fmla="*/ 1116620 h 1916797"/>
                  <a:gd name="connsiteX9" fmla="*/ 725047 w 1342912"/>
                  <a:gd name="connsiteY9" fmla="*/ 1445232 h 1916797"/>
                  <a:gd name="connsiteX10" fmla="*/ 825059 w 1342912"/>
                  <a:gd name="connsiteY10" fmla="*/ 1545245 h 1916797"/>
                  <a:gd name="connsiteX11" fmla="*/ 753622 w 1342912"/>
                  <a:gd name="connsiteY11" fmla="*/ 1588107 h 1916797"/>
                  <a:gd name="connsiteX0" fmla="*/ 593912 w 1354652"/>
                  <a:gd name="connsiteY0" fmla="*/ 1916720 h 1916797"/>
                  <a:gd name="connsiteX1" fmla="*/ 12108 w 1354652"/>
                  <a:gd name="connsiteY1" fmla="*/ 1454400 h 1916797"/>
                  <a:gd name="connsiteX2" fmla="*/ 126408 w 1354652"/>
                  <a:gd name="connsiteY2" fmla="*/ 811462 h 1916797"/>
                  <a:gd name="connsiteX3" fmla="*/ 569320 w 1354652"/>
                  <a:gd name="connsiteY3" fmla="*/ 268537 h 1916797"/>
                  <a:gd name="connsiteX4" fmla="*/ 997944 w 1354652"/>
                  <a:gd name="connsiteY4" fmla="*/ 39937 h 1916797"/>
                  <a:gd name="connsiteX5" fmla="*/ 1251137 w 1354652"/>
                  <a:gd name="connsiteY5" fmla="*/ 30770 h 1916797"/>
                  <a:gd name="connsiteX6" fmla="*/ 1336862 w 1354652"/>
                  <a:gd name="connsiteY6" fmla="*/ 416532 h 1916797"/>
                  <a:gd name="connsiteX7" fmla="*/ 922524 w 1354652"/>
                  <a:gd name="connsiteY7" fmla="*/ 602270 h 1916797"/>
                  <a:gd name="connsiteX8" fmla="*/ 565337 w 1354652"/>
                  <a:gd name="connsiteY8" fmla="*/ 1116620 h 1916797"/>
                  <a:gd name="connsiteX9" fmla="*/ 736787 w 1354652"/>
                  <a:gd name="connsiteY9" fmla="*/ 1445232 h 1916797"/>
                  <a:gd name="connsiteX10" fmla="*/ 836799 w 1354652"/>
                  <a:gd name="connsiteY10" fmla="*/ 1545245 h 1916797"/>
                  <a:gd name="connsiteX11" fmla="*/ 765362 w 1354652"/>
                  <a:gd name="connsiteY11" fmla="*/ 1588107 h 1916797"/>
                  <a:gd name="connsiteX0" fmla="*/ 593912 w 1354652"/>
                  <a:gd name="connsiteY0" fmla="*/ 1916720 h 1916720"/>
                  <a:gd name="connsiteX1" fmla="*/ 112120 w 1354652"/>
                  <a:gd name="connsiteY1" fmla="*/ 1568699 h 1916720"/>
                  <a:gd name="connsiteX2" fmla="*/ 12108 w 1354652"/>
                  <a:gd name="connsiteY2" fmla="*/ 1454400 h 1916720"/>
                  <a:gd name="connsiteX3" fmla="*/ 126408 w 1354652"/>
                  <a:gd name="connsiteY3" fmla="*/ 811462 h 1916720"/>
                  <a:gd name="connsiteX4" fmla="*/ 569320 w 1354652"/>
                  <a:gd name="connsiteY4" fmla="*/ 268537 h 1916720"/>
                  <a:gd name="connsiteX5" fmla="*/ 997944 w 1354652"/>
                  <a:gd name="connsiteY5" fmla="*/ 39937 h 1916720"/>
                  <a:gd name="connsiteX6" fmla="*/ 1251137 w 1354652"/>
                  <a:gd name="connsiteY6" fmla="*/ 30770 h 1916720"/>
                  <a:gd name="connsiteX7" fmla="*/ 1336862 w 1354652"/>
                  <a:gd name="connsiteY7" fmla="*/ 416532 h 1916720"/>
                  <a:gd name="connsiteX8" fmla="*/ 922524 w 1354652"/>
                  <a:gd name="connsiteY8" fmla="*/ 602270 h 1916720"/>
                  <a:gd name="connsiteX9" fmla="*/ 565337 w 1354652"/>
                  <a:gd name="connsiteY9" fmla="*/ 1116620 h 1916720"/>
                  <a:gd name="connsiteX10" fmla="*/ 736787 w 1354652"/>
                  <a:gd name="connsiteY10" fmla="*/ 1445232 h 1916720"/>
                  <a:gd name="connsiteX11" fmla="*/ 836799 w 1354652"/>
                  <a:gd name="connsiteY11" fmla="*/ 1545245 h 1916720"/>
                  <a:gd name="connsiteX12" fmla="*/ 765362 w 1354652"/>
                  <a:gd name="connsiteY12" fmla="*/ 1588107 h 1916720"/>
                  <a:gd name="connsiteX0" fmla="*/ 593912 w 1354652"/>
                  <a:gd name="connsiteY0" fmla="*/ 1916720 h 1949781"/>
                  <a:gd name="connsiteX1" fmla="*/ 583608 w 1354652"/>
                  <a:gd name="connsiteY1" fmla="*/ 1925887 h 1949781"/>
                  <a:gd name="connsiteX2" fmla="*/ 112120 w 1354652"/>
                  <a:gd name="connsiteY2" fmla="*/ 1568699 h 1949781"/>
                  <a:gd name="connsiteX3" fmla="*/ 12108 w 1354652"/>
                  <a:gd name="connsiteY3" fmla="*/ 1454400 h 1949781"/>
                  <a:gd name="connsiteX4" fmla="*/ 126408 w 1354652"/>
                  <a:gd name="connsiteY4" fmla="*/ 811462 h 1949781"/>
                  <a:gd name="connsiteX5" fmla="*/ 569320 w 1354652"/>
                  <a:gd name="connsiteY5" fmla="*/ 268537 h 1949781"/>
                  <a:gd name="connsiteX6" fmla="*/ 997944 w 1354652"/>
                  <a:gd name="connsiteY6" fmla="*/ 39937 h 1949781"/>
                  <a:gd name="connsiteX7" fmla="*/ 1251137 w 1354652"/>
                  <a:gd name="connsiteY7" fmla="*/ 30770 h 1949781"/>
                  <a:gd name="connsiteX8" fmla="*/ 1336862 w 1354652"/>
                  <a:gd name="connsiteY8" fmla="*/ 416532 h 1949781"/>
                  <a:gd name="connsiteX9" fmla="*/ 922524 w 1354652"/>
                  <a:gd name="connsiteY9" fmla="*/ 602270 h 1949781"/>
                  <a:gd name="connsiteX10" fmla="*/ 565337 w 1354652"/>
                  <a:gd name="connsiteY10" fmla="*/ 1116620 h 1949781"/>
                  <a:gd name="connsiteX11" fmla="*/ 736787 w 1354652"/>
                  <a:gd name="connsiteY11" fmla="*/ 1445232 h 1949781"/>
                  <a:gd name="connsiteX12" fmla="*/ 836799 w 1354652"/>
                  <a:gd name="connsiteY12" fmla="*/ 1545245 h 1949781"/>
                  <a:gd name="connsiteX13" fmla="*/ 765362 w 1354652"/>
                  <a:gd name="connsiteY13" fmla="*/ 1588107 h 1949781"/>
                  <a:gd name="connsiteX0" fmla="*/ 593912 w 1354652"/>
                  <a:gd name="connsiteY0" fmla="*/ 1916720 h 1949781"/>
                  <a:gd name="connsiteX1" fmla="*/ 440733 w 1354652"/>
                  <a:gd name="connsiteY1" fmla="*/ 1925887 h 1949781"/>
                  <a:gd name="connsiteX2" fmla="*/ 112120 w 1354652"/>
                  <a:gd name="connsiteY2" fmla="*/ 1568699 h 1949781"/>
                  <a:gd name="connsiteX3" fmla="*/ 12108 w 1354652"/>
                  <a:gd name="connsiteY3" fmla="*/ 1454400 h 1949781"/>
                  <a:gd name="connsiteX4" fmla="*/ 126408 w 1354652"/>
                  <a:gd name="connsiteY4" fmla="*/ 811462 h 1949781"/>
                  <a:gd name="connsiteX5" fmla="*/ 569320 w 1354652"/>
                  <a:gd name="connsiteY5" fmla="*/ 268537 h 1949781"/>
                  <a:gd name="connsiteX6" fmla="*/ 997944 w 1354652"/>
                  <a:gd name="connsiteY6" fmla="*/ 39937 h 1949781"/>
                  <a:gd name="connsiteX7" fmla="*/ 1251137 w 1354652"/>
                  <a:gd name="connsiteY7" fmla="*/ 30770 h 1949781"/>
                  <a:gd name="connsiteX8" fmla="*/ 1336862 w 1354652"/>
                  <a:gd name="connsiteY8" fmla="*/ 416532 h 1949781"/>
                  <a:gd name="connsiteX9" fmla="*/ 922524 w 1354652"/>
                  <a:gd name="connsiteY9" fmla="*/ 602270 h 1949781"/>
                  <a:gd name="connsiteX10" fmla="*/ 565337 w 1354652"/>
                  <a:gd name="connsiteY10" fmla="*/ 1116620 h 1949781"/>
                  <a:gd name="connsiteX11" fmla="*/ 736787 w 1354652"/>
                  <a:gd name="connsiteY11" fmla="*/ 1445232 h 1949781"/>
                  <a:gd name="connsiteX12" fmla="*/ 836799 w 1354652"/>
                  <a:gd name="connsiteY12" fmla="*/ 1545245 h 1949781"/>
                  <a:gd name="connsiteX13" fmla="*/ 765362 w 1354652"/>
                  <a:gd name="connsiteY13" fmla="*/ 1588107 h 1949781"/>
                  <a:gd name="connsiteX0" fmla="*/ 879662 w 1354652"/>
                  <a:gd name="connsiteY0" fmla="*/ 1602395 h 1931910"/>
                  <a:gd name="connsiteX1" fmla="*/ 440733 w 1354652"/>
                  <a:gd name="connsiteY1" fmla="*/ 1925887 h 1931910"/>
                  <a:gd name="connsiteX2" fmla="*/ 112120 w 1354652"/>
                  <a:gd name="connsiteY2" fmla="*/ 1568699 h 1931910"/>
                  <a:gd name="connsiteX3" fmla="*/ 12108 w 1354652"/>
                  <a:gd name="connsiteY3" fmla="*/ 1454400 h 1931910"/>
                  <a:gd name="connsiteX4" fmla="*/ 126408 w 1354652"/>
                  <a:gd name="connsiteY4" fmla="*/ 811462 h 1931910"/>
                  <a:gd name="connsiteX5" fmla="*/ 569320 w 1354652"/>
                  <a:gd name="connsiteY5" fmla="*/ 268537 h 1931910"/>
                  <a:gd name="connsiteX6" fmla="*/ 997944 w 1354652"/>
                  <a:gd name="connsiteY6" fmla="*/ 39937 h 1931910"/>
                  <a:gd name="connsiteX7" fmla="*/ 1251137 w 1354652"/>
                  <a:gd name="connsiteY7" fmla="*/ 30770 h 1931910"/>
                  <a:gd name="connsiteX8" fmla="*/ 1336862 w 1354652"/>
                  <a:gd name="connsiteY8" fmla="*/ 416532 h 1931910"/>
                  <a:gd name="connsiteX9" fmla="*/ 922524 w 1354652"/>
                  <a:gd name="connsiteY9" fmla="*/ 602270 h 1931910"/>
                  <a:gd name="connsiteX10" fmla="*/ 565337 w 1354652"/>
                  <a:gd name="connsiteY10" fmla="*/ 1116620 h 1931910"/>
                  <a:gd name="connsiteX11" fmla="*/ 736787 w 1354652"/>
                  <a:gd name="connsiteY11" fmla="*/ 1445232 h 1931910"/>
                  <a:gd name="connsiteX12" fmla="*/ 836799 w 1354652"/>
                  <a:gd name="connsiteY12" fmla="*/ 1545245 h 1931910"/>
                  <a:gd name="connsiteX13" fmla="*/ 765362 w 1354652"/>
                  <a:gd name="connsiteY13" fmla="*/ 1588107 h 1931910"/>
                  <a:gd name="connsiteX0" fmla="*/ 879662 w 1354652"/>
                  <a:gd name="connsiteY0" fmla="*/ 1602395 h 1925888"/>
                  <a:gd name="connsiteX1" fmla="*/ 440733 w 1354652"/>
                  <a:gd name="connsiteY1" fmla="*/ 1925887 h 1925888"/>
                  <a:gd name="connsiteX2" fmla="*/ 112120 w 1354652"/>
                  <a:gd name="connsiteY2" fmla="*/ 1568699 h 1925888"/>
                  <a:gd name="connsiteX3" fmla="*/ 12108 w 1354652"/>
                  <a:gd name="connsiteY3" fmla="*/ 1454400 h 1925888"/>
                  <a:gd name="connsiteX4" fmla="*/ 126408 w 1354652"/>
                  <a:gd name="connsiteY4" fmla="*/ 811462 h 1925888"/>
                  <a:gd name="connsiteX5" fmla="*/ 569320 w 1354652"/>
                  <a:gd name="connsiteY5" fmla="*/ 268537 h 1925888"/>
                  <a:gd name="connsiteX6" fmla="*/ 997944 w 1354652"/>
                  <a:gd name="connsiteY6" fmla="*/ 39937 h 1925888"/>
                  <a:gd name="connsiteX7" fmla="*/ 1251137 w 1354652"/>
                  <a:gd name="connsiteY7" fmla="*/ 30770 h 1925888"/>
                  <a:gd name="connsiteX8" fmla="*/ 1336862 w 1354652"/>
                  <a:gd name="connsiteY8" fmla="*/ 416532 h 1925888"/>
                  <a:gd name="connsiteX9" fmla="*/ 922524 w 1354652"/>
                  <a:gd name="connsiteY9" fmla="*/ 602270 h 1925888"/>
                  <a:gd name="connsiteX10" fmla="*/ 565337 w 1354652"/>
                  <a:gd name="connsiteY10" fmla="*/ 1116620 h 1925888"/>
                  <a:gd name="connsiteX11" fmla="*/ 736787 w 1354652"/>
                  <a:gd name="connsiteY11" fmla="*/ 1445232 h 1925888"/>
                  <a:gd name="connsiteX12" fmla="*/ 836799 w 1354652"/>
                  <a:gd name="connsiteY12" fmla="*/ 1545245 h 1925888"/>
                  <a:gd name="connsiteX13" fmla="*/ 765362 w 1354652"/>
                  <a:gd name="connsiteY13" fmla="*/ 1588107 h 1925888"/>
                  <a:gd name="connsiteX0" fmla="*/ 879662 w 1354652"/>
                  <a:gd name="connsiteY0" fmla="*/ 1602395 h 1925888"/>
                  <a:gd name="connsiteX1" fmla="*/ 440733 w 1354652"/>
                  <a:gd name="connsiteY1" fmla="*/ 1925887 h 1925888"/>
                  <a:gd name="connsiteX2" fmla="*/ 112120 w 1354652"/>
                  <a:gd name="connsiteY2" fmla="*/ 1568699 h 1925888"/>
                  <a:gd name="connsiteX3" fmla="*/ 12108 w 1354652"/>
                  <a:gd name="connsiteY3" fmla="*/ 1454400 h 1925888"/>
                  <a:gd name="connsiteX4" fmla="*/ 126408 w 1354652"/>
                  <a:gd name="connsiteY4" fmla="*/ 811462 h 1925888"/>
                  <a:gd name="connsiteX5" fmla="*/ 569320 w 1354652"/>
                  <a:gd name="connsiteY5" fmla="*/ 268537 h 1925888"/>
                  <a:gd name="connsiteX6" fmla="*/ 997944 w 1354652"/>
                  <a:gd name="connsiteY6" fmla="*/ 39937 h 1925888"/>
                  <a:gd name="connsiteX7" fmla="*/ 1251137 w 1354652"/>
                  <a:gd name="connsiteY7" fmla="*/ 30770 h 1925888"/>
                  <a:gd name="connsiteX8" fmla="*/ 1336862 w 1354652"/>
                  <a:gd name="connsiteY8" fmla="*/ 416532 h 1925888"/>
                  <a:gd name="connsiteX9" fmla="*/ 922524 w 1354652"/>
                  <a:gd name="connsiteY9" fmla="*/ 602270 h 1925888"/>
                  <a:gd name="connsiteX10" fmla="*/ 565337 w 1354652"/>
                  <a:gd name="connsiteY10" fmla="*/ 1116620 h 1925888"/>
                  <a:gd name="connsiteX11" fmla="*/ 736787 w 1354652"/>
                  <a:gd name="connsiteY11" fmla="*/ 1445232 h 1925888"/>
                  <a:gd name="connsiteX12" fmla="*/ 836799 w 1354652"/>
                  <a:gd name="connsiteY12" fmla="*/ 1545245 h 1925888"/>
                  <a:gd name="connsiteX13" fmla="*/ 765362 w 1354652"/>
                  <a:gd name="connsiteY13" fmla="*/ 1588107 h 1925888"/>
                  <a:gd name="connsiteX0" fmla="*/ 879662 w 1354652"/>
                  <a:gd name="connsiteY0" fmla="*/ 1602395 h 1925888"/>
                  <a:gd name="connsiteX1" fmla="*/ 440733 w 1354652"/>
                  <a:gd name="connsiteY1" fmla="*/ 1925887 h 1925888"/>
                  <a:gd name="connsiteX2" fmla="*/ 197845 w 1354652"/>
                  <a:gd name="connsiteY2" fmla="*/ 1740149 h 1925888"/>
                  <a:gd name="connsiteX3" fmla="*/ 12108 w 1354652"/>
                  <a:gd name="connsiteY3" fmla="*/ 1454400 h 1925888"/>
                  <a:gd name="connsiteX4" fmla="*/ 126408 w 1354652"/>
                  <a:gd name="connsiteY4" fmla="*/ 811462 h 1925888"/>
                  <a:gd name="connsiteX5" fmla="*/ 569320 w 1354652"/>
                  <a:gd name="connsiteY5" fmla="*/ 268537 h 1925888"/>
                  <a:gd name="connsiteX6" fmla="*/ 997944 w 1354652"/>
                  <a:gd name="connsiteY6" fmla="*/ 39937 h 1925888"/>
                  <a:gd name="connsiteX7" fmla="*/ 1251137 w 1354652"/>
                  <a:gd name="connsiteY7" fmla="*/ 30770 h 1925888"/>
                  <a:gd name="connsiteX8" fmla="*/ 1336862 w 1354652"/>
                  <a:gd name="connsiteY8" fmla="*/ 416532 h 1925888"/>
                  <a:gd name="connsiteX9" fmla="*/ 922524 w 1354652"/>
                  <a:gd name="connsiteY9" fmla="*/ 602270 h 1925888"/>
                  <a:gd name="connsiteX10" fmla="*/ 565337 w 1354652"/>
                  <a:gd name="connsiteY10" fmla="*/ 1116620 h 1925888"/>
                  <a:gd name="connsiteX11" fmla="*/ 736787 w 1354652"/>
                  <a:gd name="connsiteY11" fmla="*/ 1445232 h 1925888"/>
                  <a:gd name="connsiteX12" fmla="*/ 836799 w 1354652"/>
                  <a:gd name="connsiteY12" fmla="*/ 1545245 h 1925888"/>
                  <a:gd name="connsiteX13" fmla="*/ 765362 w 1354652"/>
                  <a:gd name="connsiteY13" fmla="*/ 1588107 h 1925888"/>
                  <a:gd name="connsiteX0" fmla="*/ 884689 w 1359679"/>
                  <a:gd name="connsiteY0" fmla="*/ 1602395 h 1925888"/>
                  <a:gd name="connsiteX1" fmla="*/ 445760 w 1359679"/>
                  <a:gd name="connsiteY1" fmla="*/ 1925887 h 1925888"/>
                  <a:gd name="connsiteX2" fmla="*/ 17135 w 1359679"/>
                  <a:gd name="connsiteY2" fmla="*/ 1454400 h 1925888"/>
                  <a:gd name="connsiteX3" fmla="*/ 131435 w 1359679"/>
                  <a:gd name="connsiteY3" fmla="*/ 811462 h 1925888"/>
                  <a:gd name="connsiteX4" fmla="*/ 574347 w 1359679"/>
                  <a:gd name="connsiteY4" fmla="*/ 268537 h 1925888"/>
                  <a:gd name="connsiteX5" fmla="*/ 1002971 w 1359679"/>
                  <a:gd name="connsiteY5" fmla="*/ 39937 h 1925888"/>
                  <a:gd name="connsiteX6" fmla="*/ 1256164 w 1359679"/>
                  <a:gd name="connsiteY6" fmla="*/ 30770 h 1925888"/>
                  <a:gd name="connsiteX7" fmla="*/ 1341889 w 1359679"/>
                  <a:gd name="connsiteY7" fmla="*/ 416532 h 1925888"/>
                  <a:gd name="connsiteX8" fmla="*/ 927551 w 1359679"/>
                  <a:gd name="connsiteY8" fmla="*/ 602270 h 1925888"/>
                  <a:gd name="connsiteX9" fmla="*/ 570364 w 1359679"/>
                  <a:gd name="connsiteY9" fmla="*/ 1116620 h 1925888"/>
                  <a:gd name="connsiteX10" fmla="*/ 741814 w 1359679"/>
                  <a:gd name="connsiteY10" fmla="*/ 1445232 h 1925888"/>
                  <a:gd name="connsiteX11" fmla="*/ 841826 w 1359679"/>
                  <a:gd name="connsiteY11" fmla="*/ 1545245 h 1925888"/>
                  <a:gd name="connsiteX12" fmla="*/ 770389 w 1359679"/>
                  <a:gd name="connsiteY12" fmla="*/ 1588107 h 1925888"/>
                  <a:gd name="connsiteX0" fmla="*/ 884689 w 1359679"/>
                  <a:gd name="connsiteY0" fmla="*/ 1602395 h 1925888"/>
                  <a:gd name="connsiteX1" fmla="*/ 445760 w 1359679"/>
                  <a:gd name="connsiteY1" fmla="*/ 1925887 h 1925888"/>
                  <a:gd name="connsiteX2" fmla="*/ 17135 w 1359679"/>
                  <a:gd name="connsiteY2" fmla="*/ 1454400 h 1925888"/>
                  <a:gd name="connsiteX3" fmla="*/ 131435 w 1359679"/>
                  <a:gd name="connsiteY3" fmla="*/ 811462 h 1925888"/>
                  <a:gd name="connsiteX4" fmla="*/ 574347 w 1359679"/>
                  <a:gd name="connsiteY4" fmla="*/ 268537 h 1925888"/>
                  <a:gd name="connsiteX5" fmla="*/ 1002971 w 1359679"/>
                  <a:gd name="connsiteY5" fmla="*/ 39937 h 1925888"/>
                  <a:gd name="connsiteX6" fmla="*/ 1256164 w 1359679"/>
                  <a:gd name="connsiteY6" fmla="*/ 30770 h 1925888"/>
                  <a:gd name="connsiteX7" fmla="*/ 1341889 w 1359679"/>
                  <a:gd name="connsiteY7" fmla="*/ 416532 h 1925888"/>
                  <a:gd name="connsiteX8" fmla="*/ 927551 w 1359679"/>
                  <a:gd name="connsiteY8" fmla="*/ 602270 h 1925888"/>
                  <a:gd name="connsiteX9" fmla="*/ 570364 w 1359679"/>
                  <a:gd name="connsiteY9" fmla="*/ 1116620 h 1925888"/>
                  <a:gd name="connsiteX10" fmla="*/ 741814 w 1359679"/>
                  <a:gd name="connsiteY10" fmla="*/ 1445232 h 1925888"/>
                  <a:gd name="connsiteX11" fmla="*/ 1156151 w 1359679"/>
                  <a:gd name="connsiteY11" fmla="*/ 1573820 h 1925888"/>
                  <a:gd name="connsiteX12" fmla="*/ 770389 w 1359679"/>
                  <a:gd name="connsiteY12" fmla="*/ 1588107 h 1925888"/>
                  <a:gd name="connsiteX0" fmla="*/ 884689 w 1359679"/>
                  <a:gd name="connsiteY0" fmla="*/ 1602395 h 1925888"/>
                  <a:gd name="connsiteX1" fmla="*/ 445760 w 1359679"/>
                  <a:gd name="connsiteY1" fmla="*/ 1925887 h 1925888"/>
                  <a:gd name="connsiteX2" fmla="*/ 17135 w 1359679"/>
                  <a:gd name="connsiteY2" fmla="*/ 1454400 h 1925888"/>
                  <a:gd name="connsiteX3" fmla="*/ 131435 w 1359679"/>
                  <a:gd name="connsiteY3" fmla="*/ 811462 h 1925888"/>
                  <a:gd name="connsiteX4" fmla="*/ 574347 w 1359679"/>
                  <a:gd name="connsiteY4" fmla="*/ 268537 h 1925888"/>
                  <a:gd name="connsiteX5" fmla="*/ 1002971 w 1359679"/>
                  <a:gd name="connsiteY5" fmla="*/ 39937 h 1925888"/>
                  <a:gd name="connsiteX6" fmla="*/ 1256164 w 1359679"/>
                  <a:gd name="connsiteY6" fmla="*/ 30770 h 1925888"/>
                  <a:gd name="connsiteX7" fmla="*/ 1341889 w 1359679"/>
                  <a:gd name="connsiteY7" fmla="*/ 416532 h 1925888"/>
                  <a:gd name="connsiteX8" fmla="*/ 927551 w 1359679"/>
                  <a:gd name="connsiteY8" fmla="*/ 602270 h 1925888"/>
                  <a:gd name="connsiteX9" fmla="*/ 570364 w 1359679"/>
                  <a:gd name="connsiteY9" fmla="*/ 1116620 h 1925888"/>
                  <a:gd name="connsiteX10" fmla="*/ 741814 w 1359679"/>
                  <a:gd name="connsiteY10" fmla="*/ 1445232 h 1925888"/>
                  <a:gd name="connsiteX11" fmla="*/ 1156151 w 1359679"/>
                  <a:gd name="connsiteY11" fmla="*/ 1573820 h 1925888"/>
                  <a:gd name="connsiteX12" fmla="*/ 941839 w 1359679"/>
                  <a:gd name="connsiteY12" fmla="*/ 1773844 h 1925888"/>
                  <a:gd name="connsiteX0" fmla="*/ 556076 w 1359679"/>
                  <a:gd name="connsiteY0" fmla="*/ 1859570 h 1925895"/>
                  <a:gd name="connsiteX1" fmla="*/ 445760 w 1359679"/>
                  <a:gd name="connsiteY1" fmla="*/ 1925887 h 1925895"/>
                  <a:gd name="connsiteX2" fmla="*/ 17135 w 1359679"/>
                  <a:gd name="connsiteY2" fmla="*/ 1454400 h 1925895"/>
                  <a:gd name="connsiteX3" fmla="*/ 131435 w 1359679"/>
                  <a:gd name="connsiteY3" fmla="*/ 811462 h 1925895"/>
                  <a:gd name="connsiteX4" fmla="*/ 574347 w 1359679"/>
                  <a:gd name="connsiteY4" fmla="*/ 268537 h 1925895"/>
                  <a:gd name="connsiteX5" fmla="*/ 1002971 w 1359679"/>
                  <a:gd name="connsiteY5" fmla="*/ 39937 h 1925895"/>
                  <a:gd name="connsiteX6" fmla="*/ 1256164 w 1359679"/>
                  <a:gd name="connsiteY6" fmla="*/ 30770 h 1925895"/>
                  <a:gd name="connsiteX7" fmla="*/ 1341889 w 1359679"/>
                  <a:gd name="connsiteY7" fmla="*/ 416532 h 1925895"/>
                  <a:gd name="connsiteX8" fmla="*/ 927551 w 1359679"/>
                  <a:gd name="connsiteY8" fmla="*/ 602270 h 1925895"/>
                  <a:gd name="connsiteX9" fmla="*/ 570364 w 1359679"/>
                  <a:gd name="connsiteY9" fmla="*/ 1116620 h 1925895"/>
                  <a:gd name="connsiteX10" fmla="*/ 741814 w 1359679"/>
                  <a:gd name="connsiteY10" fmla="*/ 1445232 h 1925895"/>
                  <a:gd name="connsiteX11" fmla="*/ 1156151 w 1359679"/>
                  <a:gd name="connsiteY11" fmla="*/ 1573820 h 1925895"/>
                  <a:gd name="connsiteX12" fmla="*/ 941839 w 1359679"/>
                  <a:gd name="connsiteY12" fmla="*/ 1773844 h 1925895"/>
                  <a:gd name="connsiteX0" fmla="*/ 927551 w 1359679"/>
                  <a:gd name="connsiteY0" fmla="*/ 1759558 h 1925890"/>
                  <a:gd name="connsiteX1" fmla="*/ 445760 w 1359679"/>
                  <a:gd name="connsiteY1" fmla="*/ 1925887 h 1925890"/>
                  <a:gd name="connsiteX2" fmla="*/ 17135 w 1359679"/>
                  <a:gd name="connsiteY2" fmla="*/ 1454400 h 1925890"/>
                  <a:gd name="connsiteX3" fmla="*/ 131435 w 1359679"/>
                  <a:gd name="connsiteY3" fmla="*/ 811462 h 1925890"/>
                  <a:gd name="connsiteX4" fmla="*/ 574347 w 1359679"/>
                  <a:gd name="connsiteY4" fmla="*/ 268537 h 1925890"/>
                  <a:gd name="connsiteX5" fmla="*/ 1002971 w 1359679"/>
                  <a:gd name="connsiteY5" fmla="*/ 39937 h 1925890"/>
                  <a:gd name="connsiteX6" fmla="*/ 1256164 w 1359679"/>
                  <a:gd name="connsiteY6" fmla="*/ 30770 h 1925890"/>
                  <a:gd name="connsiteX7" fmla="*/ 1341889 w 1359679"/>
                  <a:gd name="connsiteY7" fmla="*/ 416532 h 1925890"/>
                  <a:gd name="connsiteX8" fmla="*/ 927551 w 1359679"/>
                  <a:gd name="connsiteY8" fmla="*/ 602270 h 1925890"/>
                  <a:gd name="connsiteX9" fmla="*/ 570364 w 1359679"/>
                  <a:gd name="connsiteY9" fmla="*/ 1116620 h 1925890"/>
                  <a:gd name="connsiteX10" fmla="*/ 741814 w 1359679"/>
                  <a:gd name="connsiteY10" fmla="*/ 1445232 h 1925890"/>
                  <a:gd name="connsiteX11" fmla="*/ 1156151 w 1359679"/>
                  <a:gd name="connsiteY11" fmla="*/ 1573820 h 1925890"/>
                  <a:gd name="connsiteX12" fmla="*/ 941839 w 1359679"/>
                  <a:gd name="connsiteY12" fmla="*/ 1773844 h 1925890"/>
                  <a:gd name="connsiteX0" fmla="*/ 927551 w 1352112"/>
                  <a:gd name="connsiteY0" fmla="*/ 1759558 h 1925890"/>
                  <a:gd name="connsiteX1" fmla="*/ 445760 w 1352112"/>
                  <a:gd name="connsiteY1" fmla="*/ 1925887 h 1925890"/>
                  <a:gd name="connsiteX2" fmla="*/ 17135 w 1352112"/>
                  <a:gd name="connsiteY2" fmla="*/ 1454400 h 1925890"/>
                  <a:gd name="connsiteX3" fmla="*/ 131435 w 1352112"/>
                  <a:gd name="connsiteY3" fmla="*/ 811462 h 1925890"/>
                  <a:gd name="connsiteX4" fmla="*/ 574347 w 1352112"/>
                  <a:gd name="connsiteY4" fmla="*/ 268537 h 1925890"/>
                  <a:gd name="connsiteX5" fmla="*/ 1002971 w 1352112"/>
                  <a:gd name="connsiteY5" fmla="*/ 39937 h 1925890"/>
                  <a:gd name="connsiteX6" fmla="*/ 1256164 w 1352112"/>
                  <a:gd name="connsiteY6" fmla="*/ 30770 h 1925890"/>
                  <a:gd name="connsiteX7" fmla="*/ 1341889 w 1352112"/>
                  <a:gd name="connsiteY7" fmla="*/ 416532 h 1925890"/>
                  <a:gd name="connsiteX8" fmla="*/ 1041851 w 1352112"/>
                  <a:gd name="connsiteY8" fmla="*/ 659420 h 1925890"/>
                  <a:gd name="connsiteX9" fmla="*/ 570364 w 1352112"/>
                  <a:gd name="connsiteY9" fmla="*/ 1116620 h 1925890"/>
                  <a:gd name="connsiteX10" fmla="*/ 741814 w 1352112"/>
                  <a:gd name="connsiteY10" fmla="*/ 1445232 h 1925890"/>
                  <a:gd name="connsiteX11" fmla="*/ 1156151 w 1352112"/>
                  <a:gd name="connsiteY11" fmla="*/ 1573820 h 1925890"/>
                  <a:gd name="connsiteX12" fmla="*/ 941839 w 1352112"/>
                  <a:gd name="connsiteY12" fmla="*/ 1773844 h 1925890"/>
                  <a:gd name="connsiteX0" fmla="*/ 915075 w 1339636"/>
                  <a:gd name="connsiteY0" fmla="*/ 1759558 h 1925890"/>
                  <a:gd name="connsiteX1" fmla="*/ 433284 w 1339636"/>
                  <a:gd name="connsiteY1" fmla="*/ 1925887 h 1925890"/>
                  <a:gd name="connsiteX2" fmla="*/ 4659 w 1339636"/>
                  <a:gd name="connsiteY2" fmla="*/ 1454400 h 1925890"/>
                  <a:gd name="connsiteX3" fmla="*/ 447571 w 1339636"/>
                  <a:gd name="connsiteY3" fmla="*/ 797175 h 1925890"/>
                  <a:gd name="connsiteX4" fmla="*/ 561871 w 1339636"/>
                  <a:gd name="connsiteY4" fmla="*/ 268537 h 1925890"/>
                  <a:gd name="connsiteX5" fmla="*/ 990495 w 1339636"/>
                  <a:gd name="connsiteY5" fmla="*/ 39937 h 1925890"/>
                  <a:gd name="connsiteX6" fmla="*/ 1243688 w 1339636"/>
                  <a:gd name="connsiteY6" fmla="*/ 30770 h 1925890"/>
                  <a:gd name="connsiteX7" fmla="*/ 1329413 w 1339636"/>
                  <a:gd name="connsiteY7" fmla="*/ 416532 h 1925890"/>
                  <a:gd name="connsiteX8" fmla="*/ 1029375 w 1339636"/>
                  <a:gd name="connsiteY8" fmla="*/ 659420 h 1925890"/>
                  <a:gd name="connsiteX9" fmla="*/ 557888 w 1339636"/>
                  <a:gd name="connsiteY9" fmla="*/ 1116620 h 1925890"/>
                  <a:gd name="connsiteX10" fmla="*/ 729338 w 1339636"/>
                  <a:gd name="connsiteY10" fmla="*/ 1445232 h 1925890"/>
                  <a:gd name="connsiteX11" fmla="*/ 1143675 w 1339636"/>
                  <a:gd name="connsiteY11" fmla="*/ 1573820 h 1925890"/>
                  <a:gd name="connsiteX12" fmla="*/ 929363 w 1339636"/>
                  <a:gd name="connsiteY12" fmla="*/ 1773844 h 1925890"/>
                  <a:gd name="connsiteX0" fmla="*/ 915075 w 1339636"/>
                  <a:gd name="connsiteY0" fmla="*/ 1759558 h 1773844"/>
                  <a:gd name="connsiteX1" fmla="*/ 476147 w 1339636"/>
                  <a:gd name="connsiteY1" fmla="*/ 1497262 h 1773844"/>
                  <a:gd name="connsiteX2" fmla="*/ 4659 w 1339636"/>
                  <a:gd name="connsiteY2" fmla="*/ 1454400 h 1773844"/>
                  <a:gd name="connsiteX3" fmla="*/ 447571 w 1339636"/>
                  <a:gd name="connsiteY3" fmla="*/ 797175 h 1773844"/>
                  <a:gd name="connsiteX4" fmla="*/ 561871 w 1339636"/>
                  <a:gd name="connsiteY4" fmla="*/ 268537 h 1773844"/>
                  <a:gd name="connsiteX5" fmla="*/ 990495 w 1339636"/>
                  <a:gd name="connsiteY5" fmla="*/ 39937 h 1773844"/>
                  <a:gd name="connsiteX6" fmla="*/ 1243688 w 1339636"/>
                  <a:gd name="connsiteY6" fmla="*/ 30770 h 1773844"/>
                  <a:gd name="connsiteX7" fmla="*/ 1329413 w 1339636"/>
                  <a:gd name="connsiteY7" fmla="*/ 416532 h 1773844"/>
                  <a:gd name="connsiteX8" fmla="*/ 1029375 w 1339636"/>
                  <a:gd name="connsiteY8" fmla="*/ 659420 h 1773844"/>
                  <a:gd name="connsiteX9" fmla="*/ 557888 w 1339636"/>
                  <a:gd name="connsiteY9" fmla="*/ 1116620 h 1773844"/>
                  <a:gd name="connsiteX10" fmla="*/ 729338 w 1339636"/>
                  <a:gd name="connsiteY10" fmla="*/ 1445232 h 1773844"/>
                  <a:gd name="connsiteX11" fmla="*/ 1143675 w 1339636"/>
                  <a:gd name="connsiteY11" fmla="*/ 1573820 h 1773844"/>
                  <a:gd name="connsiteX12" fmla="*/ 929363 w 1339636"/>
                  <a:gd name="connsiteY12" fmla="*/ 1773844 h 1773844"/>
                  <a:gd name="connsiteX0" fmla="*/ 732666 w 1157227"/>
                  <a:gd name="connsiteY0" fmla="*/ 1759558 h 1773844"/>
                  <a:gd name="connsiteX1" fmla="*/ 293738 w 1157227"/>
                  <a:gd name="connsiteY1" fmla="*/ 1497262 h 1773844"/>
                  <a:gd name="connsiteX2" fmla="*/ 7987 w 1157227"/>
                  <a:gd name="connsiteY2" fmla="*/ 1211512 h 1773844"/>
                  <a:gd name="connsiteX3" fmla="*/ 265162 w 1157227"/>
                  <a:gd name="connsiteY3" fmla="*/ 797175 h 1773844"/>
                  <a:gd name="connsiteX4" fmla="*/ 379462 w 1157227"/>
                  <a:gd name="connsiteY4" fmla="*/ 268537 h 1773844"/>
                  <a:gd name="connsiteX5" fmla="*/ 808086 w 1157227"/>
                  <a:gd name="connsiteY5" fmla="*/ 39937 h 1773844"/>
                  <a:gd name="connsiteX6" fmla="*/ 1061279 w 1157227"/>
                  <a:gd name="connsiteY6" fmla="*/ 30770 h 1773844"/>
                  <a:gd name="connsiteX7" fmla="*/ 1147004 w 1157227"/>
                  <a:gd name="connsiteY7" fmla="*/ 416532 h 1773844"/>
                  <a:gd name="connsiteX8" fmla="*/ 846966 w 1157227"/>
                  <a:gd name="connsiteY8" fmla="*/ 659420 h 1773844"/>
                  <a:gd name="connsiteX9" fmla="*/ 375479 w 1157227"/>
                  <a:gd name="connsiteY9" fmla="*/ 1116620 h 1773844"/>
                  <a:gd name="connsiteX10" fmla="*/ 546929 w 1157227"/>
                  <a:gd name="connsiteY10" fmla="*/ 1445232 h 1773844"/>
                  <a:gd name="connsiteX11" fmla="*/ 961266 w 1157227"/>
                  <a:gd name="connsiteY11" fmla="*/ 1573820 h 1773844"/>
                  <a:gd name="connsiteX12" fmla="*/ 746954 w 1157227"/>
                  <a:gd name="connsiteY12" fmla="*/ 1773844 h 1773844"/>
                  <a:gd name="connsiteX0" fmla="*/ 732666 w 1157227"/>
                  <a:gd name="connsiteY0" fmla="*/ 1759558 h 1773844"/>
                  <a:gd name="connsiteX1" fmla="*/ 293738 w 1157227"/>
                  <a:gd name="connsiteY1" fmla="*/ 1497262 h 1773844"/>
                  <a:gd name="connsiteX2" fmla="*/ 7987 w 1157227"/>
                  <a:gd name="connsiteY2" fmla="*/ 1211512 h 1773844"/>
                  <a:gd name="connsiteX3" fmla="*/ 265162 w 1157227"/>
                  <a:gd name="connsiteY3" fmla="*/ 797175 h 1773844"/>
                  <a:gd name="connsiteX4" fmla="*/ 379462 w 1157227"/>
                  <a:gd name="connsiteY4" fmla="*/ 268537 h 1773844"/>
                  <a:gd name="connsiteX5" fmla="*/ 808086 w 1157227"/>
                  <a:gd name="connsiteY5" fmla="*/ 39937 h 1773844"/>
                  <a:gd name="connsiteX6" fmla="*/ 1061279 w 1157227"/>
                  <a:gd name="connsiteY6" fmla="*/ 30770 h 1773844"/>
                  <a:gd name="connsiteX7" fmla="*/ 1147004 w 1157227"/>
                  <a:gd name="connsiteY7" fmla="*/ 416532 h 1773844"/>
                  <a:gd name="connsiteX8" fmla="*/ 846966 w 1157227"/>
                  <a:gd name="connsiteY8" fmla="*/ 659420 h 1773844"/>
                  <a:gd name="connsiteX9" fmla="*/ 518354 w 1157227"/>
                  <a:gd name="connsiteY9" fmla="*/ 1045182 h 1773844"/>
                  <a:gd name="connsiteX10" fmla="*/ 546929 w 1157227"/>
                  <a:gd name="connsiteY10" fmla="*/ 1445232 h 1773844"/>
                  <a:gd name="connsiteX11" fmla="*/ 961266 w 1157227"/>
                  <a:gd name="connsiteY11" fmla="*/ 1573820 h 1773844"/>
                  <a:gd name="connsiteX12" fmla="*/ 746954 w 1157227"/>
                  <a:gd name="connsiteY12" fmla="*/ 1773844 h 1773844"/>
                  <a:gd name="connsiteX0" fmla="*/ 732666 w 1157227"/>
                  <a:gd name="connsiteY0" fmla="*/ 1759558 h 1773844"/>
                  <a:gd name="connsiteX1" fmla="*/ 293738 w 1157227"/>
                  <a:gd name="connsiteY1" fmla="*/ 1497262 h 1773844"/>
                  <a:gd name="connsiteX2" fmla="*/ 7987 w 1157227"/>
                  <a:gd name="connsiteY2" fmla="*/ 1211512 h 1773844"/>
                  <a:gd name="connsiteX3" fmla="*/ 265162 w 1157227"/>
                  <a:gd name="connsiteY3" fmla="*/ 797175 h 1773844"/>
                  <a:gd name="connsiteX4" fmla="*/ 379462 w 1157227"/>
                  <a:gd name="connsiteY4" fmla="*/ 268537 h 1773844"/>
                  <a:gd name="connsiteX5" fmla="*/ 808086 w 1157227"/>
                  <a:gd name="connsiteY5" fmla="*/ 39937 h 1773844"/>
                  <a:gd name="connsiteX6" fmla="*/ 1061279 w 1157227"/>
                  <a:gd name="connsiteY6" fmla="*/ 30770 h 1773844"/>
                  <a:gd name="connsiteX7" fmla="*/ 1147004 w 1157227"/>
                  <a:gd name="connsiteY7" fmla="*/ 416532 h 1773844"/>
                  <a:gd name="connsiteX8" fmla="*/ 846966 w 1157227"/>
                  <a:gd name="connsiteY8" fmla="*/ 659420 h 1773844"/>
                  <a:gd name="connsiteX9" fmla="*/ 518354 w 1157227"/>
                  <a:gd name="connsiteY9" fmla="*/ 1045182 h 1773844"/>
                  <a:gd name="connsiteX10" fmla="*/ 589792 w 1157227"/>
                  <a:gd name="connsiteY10" fmla="*/ 1316645 h 1773844"/>
                  <a:gd name="connsiteX11" fmla="*/ 961266 w 1157227"/>
                  <a:gd name="connsiteY11" fmla="*/ 1573820 h 1773844"/>
                  <a:gd name="connsiteX12" fmla="*/ 746954 w 1157227"/>
                  <a:gd name="connsiteY12" fmla="*/ 1773844 h 1773844"/>
                  <a:gd name="connsiteX0" fmla="*/ 732666 w 1157227"/>
                  <a:gd name="connsiteY0" fmla="*/ 1759558 h 1773844"/>
                  <a:gd name="connsiteX1" fmla="*/ 293738 w 1157227"/>
                  <a:gd name="connsiteY1" fmla="*/ 1497262 h 1773844"/>
                  <a:gd name="connsiteX2" fmla="*/ 7987 w 1157227"/>
                  <a:gd name="connsiteY2" fmla="*/ 1211512 h 1773844"/>
                  <a:gd name="connsiteX3" fmla="*/ 265162 w 1157227"/>
                  <a:gd name="connsiteY3" fmla="*/ 797175 h 1773844"/>
                  <a:gd name="connsiteX4" fmla="*/ 379462 w 1157227"/>
                  <a:gd name="connsiteY4" fmla="*/ 268537 h 1773844"/>
                  <a:gd name="connsiteX5" fmla="*/ 808086 w 1157227"/>
                  <a:gd name="connsiteY5" fmla="*/ 39937 h 1773844"/>
                  <a:gd name="connsiteX6" fmla="*/ 1061279 w 1157227"/>
                  <a:gd name="connsiteY6" fmla="*/ 30770 h 1773844"/>
                  <a:gd name="connsiteX7" fmla="*/ 1147004 w 1157227"/>
                  <a:gd name="connsiteY7" fmla="*/ 416532 h 1773844"/>
                  <a:gd name="connsiteX8" fmla="*/ 846966 w 1157227"/>
                  <a:gd name="connsiteY8" fmla="*/ 659420 h 1773844"/>
                  <a:gd name="connsiteX9" fmla="*/ 518354 w 1157227"/>
                  <a:gd name="connsiteY9" fmla="*/ 1045182 h 1773844"/>
                  <a:gd name="connsiteX10" fmla="*/ 589792 w 1157227"/>
                  <a:gd name="connsiteY10" fmla="*/ 1316645 h 1773844"/>
                  <a:gd name="connsiteX11" fmla="*/ 718379 w 1157227"/>
                  <a:gd name="connsiteY11" fmla="*/ 1488095 h 1773844"/>
                  <a:gd name="connsiteX12" fmla="*/ 746954 w 1157227"/>
                  <a:gd name="connsiteY12" fmla="*/ 1773844 h 1773844"/>
                  <a:gd name="connsiteX0" fmla="*/ 732666 w 1157227"/>
                  <a:gd name="connsiteY0" fmla="*/ 1759558 h 1759564"/>
                  <a:gd name="connsiteX1" fmla="*/ 293738 w 1157227"/>
                  <a:gd name="connsiteY1" fmla="*/ 1497262 h 1759564"/>
                  <a:gd name="connsiteX2" fmla="*/ 7987 w 1157227"/>
                  <a:gd name="connsiteY2" fmla="*/ 1211512 h 1759564"/>
                  <a:gd name="connsiteX3" fmla="*/ 265162 w 1157227"/>
                  <a:gd name="connsiteY3" fmla="*/ 797175 h 1759564"/>
                  <a:gd name="connsiteX4" fmla="*/ 379462 w 1157227"/>
                  <a:gd name="connsiteY4" fmla="*/ 268537 h 1759564"/>
                  <a:gd name="connsiteX5" fmla="*/ 808086 w 1157227"/>
                  <a:gd name="connsiteY5" fmla="*/ 39937 h 1759564"/>
                  <a:gd name="connsiteX6" fmla="*/ 1061279 w 1157227"/>
                  <a:gd name="connsiteY6" fmla="*/ 30770 h 1759564"/>
                  <a:gd name="connsiteX7" fmla="*/ 1147004 w 1157227"/>
                  <a:gd name="connsiteY7" fmla="*/ 416532 h 1759564"/>
                  <a:gd name="connsiteX8" fmla="*/ 846966 w 1157227"/>
                  <a:gd name="connsiteY8" fmla="*/ 659420 h 1759564"/>
                  <a:gd name="connsiteX9" fmla="*/ 518354 w 1157227"/>
                  <a:gd name="connsiteY9" fmla="*/ 1045182 h 1759564"/>
                  <a:gd name="connsiteX10" fmla="*/ 589792 w 1157227"/>
                  <a:gd name="connsiteY10" fmla="*/ 1316645 h 1759564"/>
                  <a:gd name="connsiteX11" fmla="*/ 718379 w 1157227"/>
                  <a:gd name="connsiteY11" fmla="*/ 1488095 h 1759564"/>
                  <a:gd name="connsiteX12" fmla="*/ 532641 w 1157227"/>
                  <a:gd name="connsiteY12" fmla="*/ 1559532 h 1759564"/>
                  <a:gd name="connsiteX0" fmla="*/ 293738 w 1157227"/>
                  <a:gd name="connsiteY0" fmla="*/ 1497262 h 1559532"/>
                  <a:gd name="connsiteX1" fmla="*/ 7987 w 1157227"/>
                  <a:gd name="connsiteY1" fmla="*/ 1211512 h 1559532"/>
                  <a:gd name="connsiteX2" fmla="*/ 265162 w 1157227"/>
                  <a:gd name="connsiteY2" fmla="*/ 797175 h 1559532"/>
                  <a:gd name="connsiteX3" fmla="*/ 379462 w 1157227"/>
                  <a:gd name="connsiteY3" fmla="*/ 268537 h 1559532"/>
                  <a:gd name="connsiteX4" fmla="*/ 808086 w 1157227"/>
                  <a:gd name="connsiteY4" fmla="*/ 39937 h 1559532"/>
                  <a:gd name="connsiteX5" fmla="*/ 1061279 w 1157227"/>
                  <a:gd name="connsiteY5" fmla="*/ 30770 h 1559532"/>
                  <a:gd name="connsiteX6" fmla="*/ 1147004 w 1157227"/>
                  <a:gd name="connsiteY6" fmla="*/ 416532 h 1559532"/>
                  <a:gd name="connsiteX7" fmla="*/ 846966 w 1157227"/>
                  <a:gd name="connsiteY7" fmla="*/ 659420 h 1559532"/>
                  <a:gd name="connsiteX8" fmla="*/ 518354 w 1157227"/>
                  <a:gd name="connsiteY8" fmla="*/ 1045182 h 1559532"/>
                  <a:gd name="connsiteX9" fmla="*/ 589792 w 1157227"/>
                  <a:gd name="connsiteY9" fmla="*/ 1316645 h 1559532"/>
                  <a:gd name="connsiteX10" fmla="*/ 718379 w 1157227"/>
                  <a:gd name="connsiteY10" fmla="*/ 1488095 h 1559532"/>
                  <a:gd name="connsiteX11" fmla="*/ 532641 w 1157227"/>
                  <a:gd name="connsiteY11" fmla="*/ 1559532 h 1559532"/>
                  <a:gd name="connsiteX0" fmla="*/ 522338 w 1157227"/>
                  <a:gd name="connsiteY0" fmla="*/ 1568699 h 1568699"/>
                  <a:gd name="connsiteX1" fmla="*/ 7987 w 1157227"/>
                  <a:gd name="connsiteY1" fmla="*/ 1211512 h 1568699"/>
                  <a:gd name="connsiteX2" fmla="*/ 265162 w 1157227"/>
                  <a:gd name="connsiteY2" fmla="*/ 797175 h 1568699"/>
                  <a:gd name="connsiteX3" fmla="*/ 379462 w 1157227"/>
                  <a:gd name="connsiteY3" fmla="*/ 268537 h 1568699"/>
                  <a:gd name="connsiteX4" fmla="*/ 808086 w 1157227"/>
                  <a:gd name="connsiteY4" fmla="*/ 39937 h 1568699"/>
                  <a:gd name="connsiteX5" fmla="*/ 1061279 w 1157227"/>
                  <a:gd name="connsiteY5" fmla="*/ 30770 h 1568699"/>
                  <a:gd name="connsiteX6" fmla="*/ 1147004 w 1157227"/>
                  <a:gd name="connsiteY6" fmla="*/ 416532 h 1568699"/>
                  <a:gd name="connsiteX7" fmla="*/ 846966 w 1157227"/>
                  <a:gd name="connsiteY7" fmla="*/ 659420 h 1568699"/>
                  <a:gd name="connsiteX8" fmla="*/ 518354 w 1157227"/>
                  <a:gd name="connsiteY8" fmla="*/ 1045182 h 1568699"/>
                  <a:gd name="connsiteX9" fmla="*/ 589792 w 1157227"/>
                  <a:gd name="connsiteY9" fmla="*/ 1316645 h 1568699"/>
                  <a:gd name="connsiteX10" fmla="*/ 718379 w 1157227"/>
                  <a:gd name="connsiteY10" fmla="*/ 1488095 h 1568699"/>
                  <a:gd name="connsiteX11" fmla="*/ 532641 w 1157227"/>
                  <a:gd name="connsiteY11" fmla="*/ 1559532 h 1568699"/>
                  <a:gd name="connsiteX0" fmla="*/ 522338 w 1147896"/>
                  <a:gd name="connsiteY0" fmla="*/ 1568699 h 1568699"/>
                  <a:gd name="connsiteX1" fmla="*/ 7987 w 1147896"/>
                  <a:gd name="connsiteY1" fmla="*/ 1211512 h 1568699"/>
                  <a:gd name="connsiteX2" fmla="*/ 265162 w 1147896"/>
                  <a:gd name="connsiteY2" fmla="*/ 797175 h 1568699"/>
                  <a:gd name="connsiteX3" fmla="*/ 379462 w 1147896"/>
                  <a:gd name="connsiteY3" fmla="*/ 268537 h 1568699"/>
                  <a:gd name="connsiteX4" fmla="*/ 808086 w 1147896"/>
                  <a:gd name="connsiteY4" fmla="*/ 39937 h 1568699"/>
                  <a:gd name="connsiteX5" fmla="*/ 1061279 w 1147896"/>
                  <a:gd name="connsiteY5" fmla="*/ 30770 h 1568699"/>
                  <a:gd name="connsiteX6" fmla="*/ 1147004 w 1147896"/>
                  <a:gd name="connsiteY6" fmla="*/ 416532 h 1568699"/>
                  <a:gd name="connsiteX7" fmla="*/ 846966 w 1147896"/>
                  <a:gd name="connsiteY7" fmla="*/ 659420 h 1568699"/>
                  <a:gd name="connsiteX8" fmla="*/ 518354 w 1147896"/>
                  <a:gd name="connsiteY8" fmla="*/ 1045182 h 1568699"/>
                  <a:gd name="connsiteX9" fmla="*/ 589792 w 1147896"/>
                  <a:gd name="connsiteY9" fmla="*/ 1316645 h 1568699"/>
                  <a:gd name="connsiteX10" fmla="*/ 718379 w 1147896"/>
                  <a:gd name="connsiteY10" fmla="*/ 1488095 h 1568699"/>
                  <a:gd name="connsiteX11" fmla="*/ 532641 w 1147896"/>
                  <a:gd name="connsiteY11" fmla="*/ 1559532 h 1568699"/>
                  <a:gd name="connsiteX0" fmla="*/ 522338 w 1096413"/>
                  <a:gd name="connsiteY0" fmla="*/ 1564492 h 1564492"/>
                  <a:gd name="connsiteX1" fmla="*/ 7987 w 1096413"/>
                  <a:gd name="connsiteY1" fmla="*/ 1207305 h 1564492"/>
                  <a:gd name="connsiteX2" fmla="*/ 265162 w 1096413"/>
                  <a:gd name="connsiteY2" fmla="*/ 792968 h 1564492"/>
                  <a:gd name="connsiteX3" fmla="*/ 379462 w 1096413"/>
                  <a:gd name="connsiteY3" fmla="*/ 264330 h 1564492"/>
                  <a:gd name="connsiteX4" fmla="*/ 808086 w 1096413"/>
                  <a:gd name="connsiteY4" fmla="*/ 35730 h 1564492"/>
                  <a:gd name="connsiteX5" fmla="*/ 1061279 w 1096413"/>
                  <a:gd name="connsiteY5" fmla="*/ 26563 h 1564492"/>
                  <a:gd name="connsiteX6" fmla="*/ 1089854 w 1096413"/>
                  <a:gd name="connsiteY6" fmla="*/ 355175 h 1564492"/>
                  <a:gd name="connsiteX7" fmla="*/ 846966 w 1096413"/>
                  <a:gd name="connsiteY7" fmla="*/ 655213 h 1564492"/>
                  <a:gd name="connsiteX8" fmla="*/ 518354 w 1096413"/>
                  <a:gd name="connsiteY8" fmla="*/ 1040975 h 1564492"/>
                  <a:gd name="connsiteX9" fmla="*/ 589792 w 1096413"/>
                  <a:gd name="connsiteY9" fmla="*/ 1312438 h 1564492"/>
                  <a:gd name="connsiteX10" fmla="*/ 718379 w 1096413"/>
                  <a:gd name="connsiteY10" fmla="*/ 1483888 h 1564492"/>
                  <a:gd name="connsiteX11" fmla="*/ 532641 w 1096413"/>
                  <a:gd name="connsiteY11" fmla="*/ 1555325 h 1564492"/>
                  <a:gd name="connsiteX0" fmla="*/ 522338 w 1104173"/>
                  <a:gd name="connsiteY0" fmla="*/ 1533763 h 1533763"/>
                  <a:gd name="connsiteX1" fmla="*/ 7987 w 1104173"/>
                  <a:gd name="connsiteY1" fmla="*/ 1176576 h 1533763"/>
                  <a:gd name="connsiteX2" fmla="*/ 265162 w 1104173"/>
                  <a:gd name="connsiteY2" fmla="*/ 762239 h 1533763"/>
                  <a:gd name="connsiteX3" fmla="*/ 379462 w 1104173"/>
                  <a:gd name="connsiteY3" fmla="*/ 233601 h 1533763"/>
                  <a:gd name="connsiteX4" fmla="*/ 808086 w 1104173"/>
                  <a:gd name="connsiteY4" fmla="*/ 5001 h 1533763"/>
                  <a:gd name="connsiteX5" fmla="*/ 1046992 w 1104173"/>
                  <a:gd name="connsiteY5" fmla="*/ 95847 h 1533763"/>
                  <a:gd name="connsiteX6" fmla="*/ 1089854 w 1104173"/>
                  <a:gd name="connsiteY6" fmla="*/ 324446 h 1533763"/>
                  <a:gd name="connsiteX7" fmla="*/ 846966 w 1104173"/>
                  <a:gd name="connsiteY7" fmla="*/ 624484 h 1533763"/>
                  <a:gd name="connsiteX8" fmla="*/ 518354 w 1104173"/>
                  <a:gd name="connsiteY8" fmla="*/ 1010246 h 1533763"/>
                  <a:gd name="connsiteX9" fmla="*/ 589792 w 1104173"/>
                  <a:gd name="connsiteY9" fmla="*/ 1281709 h 1533763"/>
                  <a:gd name="connsiteX10" fmla="*/ 718379 w 1104173"/>
                  <a:gd name="connsiteY10" fmla="*/ 1453159 h 1533763"/>
                  <a:gd name="connsiteX11" fmla="*/ 532641 w 1104173"/>
                  <a:gd name="connsiteY11" fmla="*/ 1524596 h 1533763"/>
                  <a:gd name="connsiteX0" fmla="*/ 522338 w 1115278"/>
                  <a:gd name="connsiteY0" fmla="*/ 1540128 h 1540128"/>
                  <a:gd name="connsiteX1" fmla="*/ 7987 w 1115278"/>
                  <a:gd name="connsiteY1" fmla="*/ 1182941 h 1540128"/>
                  <a:gd name="connsiteX2" fmla="*/ 265162 w 1115278"/>
                  <a:gd name="connsiteY2" fmla="*/ 768604 h 1540128"/>
                  <a:gd name="connsiteX3" fmla="*/ 379462 w 1115278"/>
                  <a:gd name="connsiteY3" fmla="*/ 239966 h 1540128"/>
                  <a:gd name="connsiteX4" fmla="*/ 808086 w 1115278"/>
                  <a:gd name="connsiteY4" fmla="*/ 11366 h 1540128"/>
                  <a:gd name="connsiteX5" fmla="*/ 1046992 w 1115278"/>
                  <a:gd name="connsiteY5" fmla="*/ 102212 h 1540128"/>
                  <a:gd name="connsiteX6" fmla="*/ 1089854 w 1115278"/>
                  <a:gd name="connsiteY6" fmla="*/ 330811 h 1540128"/>
                  <a:gd name="connsiteX7" fmla="*/ 846966 w 1115278"/>
                  <a:gd name="connsiteY7" fmla="*/ 630849 h 1540128"/>
                  <a:gd name="connsiteX8" fmla="*/ 518354 w 1115278"/>
                  <a:gd name="connsiteY8" fmla="*/ 1016611 h 1540128"/>
                  <a:gd name="connsiteX9" fmla="*/ 589792 w 1115278"/>
                  <a:gd name="connsiteY9" fmla="*/ 1288074 h 1540128"/>
                  <a:gd name="connsiteX10" fmla="*/ 718379 w 1115278"/>
                  <a:gd name="connsiteY10" fmla="*/ 1459524 h 1540128"/>
                  <a:gd name="connsiteX11" fmla="*/ 532641 w 1115278"/>
                  <a:gd name="connsiteY11" fmla="*/ 1530961 h 154012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1115278" h="1540128">
                    <a:moveTo>
                      <a:pt x="522338" y="1540128"/>
                    </a:moveTo>
                    <a:cubicBezTo>
                      <a:pt x="377746" y="1515462"/>
                      <a:pt x="60375" y="1368679"/>
                      <a:pt x="7987" y="1182941"/>
                    </a:cubicBezTo>
                    <a:cubicBezTo>
                      <a:pt x="-44401" y="997204"/>
                      <a:pt x="174675" y="954341"/>
                      <a:pt x="265162" y="768604"/>
                    </a:cubicBezTo>
                    <a:cubicBezTo>
                      <a:pt x="355649" y="582867"/>
                      <a:pt x="253256" y="373316"/>
                      <a:pt x="379462" y="239966"/>
                    </a:cubicBezTo>
                    <a:cubicBezTo>
                      <a:pt x="520620" y="60519"/>
                      <a:pt x="701593" y="34325"/>
                      <a:pt x="808086" y="11366"/>
                    </a:cubicBezTo>
                    <a:cubicBezTo>
                      <a:pt x="914579" y="-11593"/>
                      <a:pt x="957168" y="-8179"/>
                      <a:pt x="1046992" y="102212"/>
                    </a:cubicBezTo>
                    <a:cubicBezTo>
                      <a:pt x="1136816" y="212603"/>
                      <a:pt x="1123192" y="242705"/>
                      <a:pt x="1089854" y="330811"/>
                    </a:cubicBezTo>
                    <a:cubicBezTo>
                      <a:pt x="1056516" y="418917"/>
                      <a:pt x="942216" y="516549"/>
                      <a:pt x="846966" y="630849"/>
                    </a:cubicBezTo>
                    <a:cubicBezTo>
                      <a:pt x="751716" y="745149"/>
                      <a:pt x="561216" y="907073"/>
                      <a:pt x="518354" y="1016611"/>
                    </a:cubicBezTo>
                    <a:cubicBezTo>
                      <a:pt x="475492" y="1126149"/>
                      <a:pt x="556455" y="1214255"/>
                      <a:pt x="589792" y="1288074"/>
                    </a:cubicBezTo>
                    <a:cubicBezTo>
                      <a:pt x="623129" y="1361893"/>
                      <a:pt x="727904" y="1419043"/>
                      <a:pt x="718379" y="1459524"/>
                    </a:cubicBezTo>
                    <a:cubicBezTo>
                      <a:pt x="708854" y="1500005"/>
                      <a:pt x="532641" y="1530961"/>
                      <a:pt x="532641" y="153096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9" name="Freeform 8"/>
              <p:cNvSpPr/>
              <p:nvPr/>
            </p:nvSpPr>
            <p:spPr>
              <a:xfrm>
                <a:off x="4231386" y="2088371"/>
                <a:ext cx="922053" cy="1542322"/>
              </a:xfrm>
              <a:custGeom>
                <a:avLst/>
                <a:gdLst>
                  <a:gd name="connsiteX0" fmla="*/ 157163 w 542652"/>
                  <a:gd name="connsiteY0" fmla="*/ 0 h 708965"/>
                  <a:gd name="connsiteX1" fmla="*/ 514350 w 542652"/>
                  <a:gd name="connsiteY1" fmla="*/ 300038 h 708965"/>
                  <a:gd name="connsiteX2" fmla="*/ 471488 w 542652"/>
                  <a:gd name="connsiteY2" fmla="*/ 685800 h 708965"/>
                  <a:gd name="connsiteX3" fmla="*/ 85725 w 542652"/>
                  <a:gd name="connsiteY3" fmla="*/ 642938 h 708965"/>
                  <a:gd name="connsiteX4" fmla="*/ 285750 w 542652"/>
                  <a:gd name="connsiteY4" fmla="*/ 457200 h 708965"/>
                  <a:gd name="connsiteX5" fmla="*/ 242888 w 542652"/>
                  <a:gd name="connsiteY5" fmla="*/ 171450 h 708965"/>
                  <a:gd name="connsiteX6" fmla="*/ 0 w 542652"/>
                  <a:gd name="connsiteY6" fmla="*/ 114300 h 708965"/>
                  <a:gd name="connsiteX0" fmla="*/ 197173 w 582662"/>
                  <a:gd name="connsiteY0" fmla="*/ 0 h 708965"/>
                  <a:gd name="connsiteX1" fmla="*/ 554360 w 582662"/>
                  <a:gd name="connsiteY1" fmla="*/ 300038 h 708965"/>
                  <a:gd name="connsiteX2" fmla="*/ 511498 w 582662"/>
                  <a:gd name="connsiteY2" fmla="*/ 685800 h 708965"/>
                  <a:gd name="connsiteX3" fmla="*/ 125735 w 582662"/>
                  <a:gd name="connsiteY3" fmla="*/ 642938 h 708965"/>
                  <a:gd name="connsiteX4" fmla="*/ 325760 w 582662"/>
                  <a:gd name="connsiteY4" fmla="*/ 457200 h 708965"/>
                  <a:gd name="connsiteX5" fmla="*/ 282898 w 582662"/>
                  <a:gd name="connsiteY5" fmla="*/ 171450 h 708965"/>
                  <a:gd name="connsiteX6" fmla="*/ 40010 w 582662"/>
                  <a:gd name="connsiteY6" fmla="*/ 114300 h 708965"/>
                  <a:gd name="connsiteX7" fmla="*/ 0 w 582662"/>
                  <a:gd name="connsiteY7" fmla="*/ 126865 h 708965"/>
                  <a:gd name="connsiteX0" fmla="*/ 164331 w 549820"/>
                  <a:gd name="connsiteY0" fmla="*/ 1768 h 710733"/>
                  <a:gd name="connsiteX1" fmla="*/ 521518 w 549820"/>
                  <a:gd name="connsiteY1" fmla="*/ 301806 h 710733"/>
                  <a:gd name="connsiteX2" fmla="*/ 478656 w 549820"/>
                  <a:gd name="connsiteY2" fmla="*/ 687568 h 710733"/>
                  <a:gd name="connsiteX3" fmla="*/ 92893 w 549820"/>
                  <a:gd name="connsiteY3" fmla="*/ 644706 h 710733"/>
                  <a:gd name="connsiteX4" fmla="*/ 292918 w 549820"/>
                  <a:gd name="connsiteY4" fmla="*/ 458968 h 710733"/>
                  <a:gd name="connsiteX5" fmla="*/ 250056 w 549820"/>
                  <a:gd name="connsiteY5" fmla="*/ 173218 h 710733"/>
                  <a:gd name="connsiteX6" fmla="*/ 7168 w 549820"/>
                  <a:gd name="connsiteY6" fmla="*/ 116068 h 710733"/>
                  <a:gd name="connsiteX7" fmla="*/ 152896 w 549820"/>
                  <a:gd name="connsiteY7" fmla="*/ 45 h 710733"/>
                  <a:gd name="connsiteX0" fmla="*/ 164331 w 549820"/>
                  <a:gd name="connsiteY0" fmla="*/ 1768 h 710733"/>
                  <a:gd name="connsiteX1" fmla="*/ 521518 w 549820"/>
                  <a:gd name="connsiteY1" fmla="*/ 301806 h 710733"/>
                  <a:gd name="connsiteX2" fmla="*/ 478656 w 549820"/>
                  <a:gd name="connsiteY2" fmla="*/ 687568 h 710733"/>
                  <a:gd name="connsiteX3" fmla="*/ 92893 w 549820"/>
                  <a:gd name="connsiteY3" fmla="*/ 644706 h 710733"/>
                  <a:gd name="connsiteX4" fmla="*/ 292918 w 549820"/>
                  <a:gd name="connsiteY4" fmla="*/ 458968 h 710733"/>
                  <a:gd name="connsiteX5" fmla="*/ 221481 w 549820"/>
                  <a:gd name="connsiteY5" fmla="*/ 244656 h 710733"/>
                  <a:gd name="connsiteX6" fmla="*/ 7168 w 549820"/>
                  <a:gd name="connsiteY6" fmla="*/ 116068 h 710733"/>
                  <a:gd name="connsiteX7" fmla="*/ 152896 w 549820"/>
                  <a:gd name="connsiteY7" fmla="*/ 45 h 710733"/>
                  <a:gd name="connsiteX0" fmla="*/ 164331 w 549820"/>
                  <a:gd name="connsiteY0" fmla="*/ 1768 h 744758"/>
                  <a:gd name="connsiteX1" fmla="*/ 521518 w 549820"/>
                  <a:gd name="connsiteY1" fmla="*/ 301806 h 744758"/>
                  <a:gd name="connsiteX2" fmla="*/ 478656 w 549820"/>
                  <a:gd name="connsiteY2" fmla="*/ 687568 h 744758"/>
                  <a:gd name="connsiteX3" fmla="*/ 92893 w 549820"/>
                  <a:gd name="connsiteY3" fmla="*/ 644706 h 744758"/>
                  <a:gd name="connsiteX4" fmla="*/ 292918 w 549820"/>
                  <a:gd name="connsiteY4" fmla="*/ 458968 h 744758"/>
                  <a:gd name="connsiteX5" fmla="*/ 221481 w 549820"/>
                  <a:gd name="connsiteY5" fmla="*/ 244656 h 744758"/>
                  <a:gd name="connsiteX6" fmla="*/ 7168 w 549820"/>
                  <a:gd name="connsiteY6" fmla="*/ 116068 h 744758"/>
                  <a:gd name="connsiteX7" fmla="*/ 152896 w 549820"/>
                  <a:gd name="connsiteY7" fmla="*/ 45 h 744758"/>
                  <a:gd name="connsiteX0" fmla="*/ 164331 w 549820"/>
                  <a:gd name="connsiteY0" fmla="*/ 1768 h 709900"/>
                  <a:gd name="connsiteX1" fmla="*/ 521518 w 549820"/>
                  <a:gd name="connsiteY1" fmla="*/ 301806 h 709900"/>
                  <a:gd name="connsiteX2" fmla="*/ 478656 w 549820"/>
                  <a:gd name="connsiteY2" fmla="*/ 687568 h 709900"/>
                  <a:gd name="connsiteX3" fmla="*/ 92893 w 549820"/>
                  <a:gd name="connsiteY3" fmla="*/ 644706 h 709900"/>
                  <a:gd name="connsiteX4" fmla="*/ 392930 w 549820"/>
                  <a:gd name="connsiteY4" fmla="*/ 487543 h 709900"/>
                  <a:gd name="connsiteX5" fmla="*/ 221481 w 549820"/>
                  <a:gd name="connsiteY5" fmla="*/ 244656 h 709900"/>
                  <a:gd name="connsiteX6" fmla="*/ 7168 w 549820"/>
                  <a:gd name="connsiteY6" fmla="*/ 116068 h 709900"/>
                  <a:gd name="connsiteX7" fmla="*/ 152896 w 549820"/>
                  <a:gd name="connsiteY7" fmla="*/ 45 h 709900"/>
                  <a:gd name="connsiteX0" fmla="*/ 164331 w 549820"/>
                  <a:gd name="connsiteY0" fmla="*/ 1768 h 710733"/>
                  <a:gd name="connsiteX1" fmla="*/ 521518 w 549820"/>
                  <a:gd name="connsiteY1" fmla="*/ 301806 h 710733"/>
                  <a:gd name="connsiteX2" fmla="*/ 478656 w 549820"/>
                  <a:gd name="connsiteY2" fmla="*/ 687568 h 710733"/>
                  <a:gd name="connsiteX3" fmla="*/ 92893 w 549820"/>
                  <a:gd name="connsiteY3" fmla="*/ 644706 h 710733"/>
                  <a:gd name="connsiteX4" fmla="*/ 335780 w 549820"/>
                  <a:gd name="connsiteY4" fmla="*/ 458968 h 710733"/>
                  <a:gd name="connsiteX5" fmla="*/ 221481 w 549820"/>
                  <a:gd name="connsiteY5" fmla="*/ 244656 h 710733"/>
                  <a:gd name="connsiteX6" fmla="*/ 7168 w 549820"/>
                  <a:gd name="connsiteY6" fmla="*/ 116068 h 710733"/>
                  <a:gd name="connsiteX7" fmla="*/ 152896 w 549820"/>
                  <a:gd name="connsiteY7" fmla="*/ 45 h 710733"/>
                  <a:gd name="connsiteX0" fmla="*/ 164331 w 549820"/>
                  <a:gd name="connsiteY0" fmla="*/ 1768 h 739371"/>
                  <a:gd name="connsiteX1" fmla="*/ 521518 w 549820"/>
                  <a:gd name="connsiteY1" fmla="*/ 301806 h 739371"/>
                  <a:gd name="connsiteX2" fmla="*/ 478656 w 549820"/>
                  <a:gd name="connsiteY2" fmla="*/ 687568 h 739371"/>
                  <a:gd name="connsiteX3" fmla="*/ 92893 w 549820"/>
                  <a:gd name="connsiteY3" fmla="*/ 644706 h 739371"/>
                  <a:gd name="connsiteX4" fmla="*/ 335780 w 549820"/>
                  <a:gd name="connsiteY4" fmla="*/ 458968 h 739371"/>
                  <a:gd name="connsiteX5" fmla="*/ 221481 w 549820"/>
                  <a:gd name="connsiteY5" fmla="*/ 244656 h 739371"/>
                  <a:gd name="connsiteX6" fmla="*/ 7168 w 549820"/>
                  <a:gd name="connsiteY6" fmla="*/ 116068 h 739371"/>
                  <a:gd name="connsiteX7" fmla="*/ 152896 w 549820"/>
                  <a:gd name="connsiteY7" fmla="*/ 45 h 739371"/>
                  <a:gd name="connsiteX0" fmla="*/ 164331 w 549820"/>
                  <a:gd name="connsiteY0" fmla="*/ 1768 h 750308"/>
                  <a:gd name="connsiteX1" fmla="*/ 521518 w 549820"/>
                  <a:gd name="connsiteY1" fmla="*/ 301806 h 750308"/>
                  <a:gd name="connsiteX2" fmla="*/ 478656 w 549820"/>
                  <a:gd name="connsiteY2" fmla="*/ 687568 h 750308"/>
                  <a:gd name="connsiteX3" fmla="*/ 92893 w 549820"/>
                  <a:gd name="connsiteY3" fmla="*/ 644706 h 750308"/>
                  <a:gd name="connsiteX4" fmla="*/ 335780 w 549820"/>
                  <a:gd name="connsiteY4" fmla="*/ 458968 h 750308"/>
                  <a:gd name="connsiteX5" fmla="*/ 221481 w 549820"/>
                  <a:gd name="connsiteY5" fmla="*/ 244656 h 750308"/>
                  <a:gd name="connsiteX6" fmla="*/ 7168 w 549820"/>
                  <a:gd name="connsiteY6" fmla="*/ 116068 h 750308"/>
                  <a:gd name="connsiteX7" fmla="*/ 152896 w 549820"/>
                  <a:gd name="connsiteY7" fmla="*/ 45 h 750308"/>
                  <a:gd name="connsiteX0" fmla="*/ 164331 w 549820"/>
                  <a:gd name="connsiteY0" fmla="*/ 1768 h 734192"/>
                  <a:gd name="connsiteX1" fmla="*/ 521518 w 549820"/>
                  <a:gd name="connsiteY1" fmla="*/ 301806 h 734192"/>
                  <a:gd name="connsiteX2" fmla="*/ 478656 w 549820"/>
                  <a:gd name="connsiteY2" fmla="*/ 687568 h 734192"/>
                  <a:gd name="connsiteX3" fmla="*/ 92893 w 549820"/>
                  <a:gd name="connsiteY3" fmla="*/ 644706 h 734192"/>
                  <a:gd name="connsiteX4" fmla="*/ 335780 w 549820"/>
                  <a:gd name="connsiteY4" fmla="*/ 458968 h 734192"/>
                  <a:gd name="connsiteX5" fmla="*/ 221481 w 549820"/>
                  <a:gd name="connsiteY5" fmla="*/ 244656 h 734192"/>
                  <a:gd name="connsiteX6" fmla="*/ 7168 w 549820"/>
                  <a:gd name="connsiteY6" fmla="*/ 116068 h 734192"/>
                  <a:gd name="connsiteX7" fmla="*/ 152896 w 549820"/>
                  <a:gd name="connsiteY7" fmla="*/ 45 h 734192"/>
                  <a:gd name="connsiteX0" fmla="*/ 171262 w 556751"/>
                  <a:gd name="connsiteY0" fmla="*/ 401783 h 1134207"/>
                  <a:gd name="connsiteX1" fmla="*/ 528449 w 556751"/>
                  <a:gd name="connsiteY1" fmla="*/ 701821 h 1134207"/>
                  <a:gd name="connsiteX2" fmla="*/ 485587 w 556751"/>
                  <a:gd name="connsiteY2" fmla="*/ 1087583 h 1134207"/>
                  <a:gd name="connsiteX3" fmla="*/ 99824 w 556751"/>
                  <a:gd name="connsiteY3" fmla="*/ 1044721 h 1134207"/>
                  <a:gd name="connsiteX4" fmla="*/ 342711 w 556751"/>
                  <a:gd name="connsiteY4" fmla="*/ 858983 h 1134207"/>
                  <a:gd name="connsiteX5" fmla="*/ 228412 w 556751"/>
                  <a:gd name="connsiteY5" fmla="*/ 644671 h 1134207"/>
                  <a:gd name="connsiteX6" fmla="*/ 14099 w 556751"/>
                  <a:gd name="connsiteY6" fmla="*/ 516083 h 1134207"/>
                  <a:gd name="connsiteX7" fmla="*/ 45527 w 556751"/>
                  <a:gd name="connsiteY7" fmla="*/ 10 h 1134207"/>
                  <a:gd name="connsiteX0" fmla="*/ 0 w 600246"/>
                  <a:gd name="connsiteY0" fmla="*/ 0 h 1146761"/>
                  <a:gd name="connsiteX1" fmla="*/ 557212 w 600246"/>
                  <a:gd name="connsiteY1" fmla="*/ 714375 h 1146761"/>
                  <a:gd name="connsiteX2" fmla="*/ 514350 w 600246"/>
                  <a:gd name="connsiteY2" fmla="*/ 1100137 h 1146761"/>
                  <a:gd name="connsiteX3" fmla="*/ 128587 w 600246"/>
                  <a:gd name="connsiteY3" fmla="*/ 1057275 h 1146761"/>
                  <a:gd name="connsiteX4" fmla="*/ 371474 w 600246"/>
                  <a:gd name="connsiteY4" fmla="*/ 871537 h 1146761"/>
                  <a:gd name="connsiteX5" fmla="*/ 257175 w 600246"/>
                  <a:gd name="connsiteY5" fmla="*/ 657225 h 1146761"/>
                  <a:gd name="connsiteX6" fmla="*/ 42862 w 600246"/>
                  <a:gd name="connsiteY6" fmla="*/ 528637 h 1146761"/>
                  <a:gd name="connsiteX7" fmla="*/ 74290 w 600246"/>
                  <a:gd name="connsiteY7" fmla="*/ 12564 h 1146761"/>
                  <a:gd name="connsiteX0" fmla="*/ 0 w 600246"/>
                  <a:gd name="connsiteY0" fmla="*/ 258904 h 1405665"/>
                  <a:gd name="connsiteX1" fmla="*/ 557212 w 600246"/>
                  <a:gd name="connsiteY1" fmla="*/ 973279 h 1405665"/>
                  <a:gd name="connsiteX2" fmla="*/ 514350 w 600246"/>
                  <a:gd name="connsiteY2" fmla="*/ 1359041 h 1405665"/>
                  <a:gd name="connsiteX3" fmla="*/ 128587 w 600246"/>
                  <a:gd name="connsiteY3" fmla="*/ 1316179 h 1405665"/>
                  <a:gd name="connsiteX4" fmla="*/ 371474 w 600246"/>
                  <a:gd name="connsiteY4" fmla="*/ 1130441 h 1405665"/>
                  <a:gd name="connsiteX5" fmla="*/ 257175 w 600246"/>
                  <a:gd name="connsiteY5" fmla="*/ 916129 h 1405665"/>
                  <a:gd name="connsiteX6" fmla="*/ 42862 w 600246"/>
                  <a:gd name="connsiteY6" fmla="*/ 787541 h 1405665"/>
                  <a:gd name="connsiteX7" fmla="*/ 102865 w 600246"/>
                  <a:gd name="connsiteY7" fmla="*/ 6 h 1405665"/>
                  <a:gd name="connsiteX0" fmla="*/ 54217 w 562416"/>
                  <a:gd name="connsiteY0" fmla="*/ 1729 h 1405665"/>
                  <a:gd name="connsiteX1" fmla="*/ 525704 w 562416"/>
                  <a:gd name="connsiteY1" fmla="*/ 973279 h 1405665"/>
                  <a:gd name="connsiteX2" fmla="*/ 482842 w 562416"/>
                  <a:gd name="connsiteY2" fmla="*/ 1359041 h 1405665"/>
                  <a:gd name="connsiteX3" fmla="*/ 97079 w 562416"/>
                  <a:gd name="connsiteY3" fmla="*/ 1316179 h 1405665"/>
                  <a:gd name="connsiteX4" fmla="*/ 339966 w 562416"/>
                  <a:gd name="connsiteY4" fmla="*/ 1130441 h 1405665"/>
                  <a:gd name="connsiteX5" fmla="*/ 225667 w 562416"/>
                  <a:gd name="connsiteY5" fmla="*/ 916129 h 1405665"/>
                  <a:gd name="connsiteX6" fmla="*/ 11354 w 562416"/>
                  <a:gd name="connsiteY6" fmla="*/ 787541 h 1405665"/>
                  <a:gd name="connsiteX7" fmla="*/ 71357 w 562416"/>
                  <a:gd name="connsiteY7" fmla="*/ 6 h 1405665"/>
                  <a:gd name="connsiteX0" fmla="*/ 54217 w 546263"/>
                  <a:gd name="connsiteY0" fmla="*/ 1729 h 1405665"/>
                  <a:gd name="connsiteX1" fmla="*/ 274220 w 546263"/>
                  <a:gd name="connsiteY1" fmla="*/ 338753 h 1405665"/>
                  <a:gd name="connsiteX2" fmla="*/ 525704 w 546263"/>
                  <a:gd name="connsiteY2" fmla="*/ 973279 h 1405665"/>
                  <a:gd name="connsiteX3" fmla="*/ 482842 w 546263"/>
                  <a:gd name="connsiteY3" fmla="*/ 1359041 h 1405665"/>
                  <a:gd name="connsiteX4" fmla="*/ 97079 w 546263"/>
                  <a:gd name="connsiteY4" fmla="*/ 1316179 h 1405665"/>
                  <a:gd name="connsiteX5" fmla="*/ 339966 w 546263"/>
                  <a:gd name="connsiteY5" fmla="*/ 1130441 h 1405665"/>
                  <a:gd name="connsiteX6" fmla="*/ 225667 w 546263"/>
                  <a:gd name="connsiteY6" fmla="*/ 916129 h 1405665"/>
                  <a:gd name="connsiteX7" fmla="*/ 11354 w 546263"/>
                  <a:gd name="connsiteY7" fmla="*/ 787541 h 1405665"/>
                  <a:gd name="connsiteX8" fmla="*/ 71357 w 546263"/>
                  <a:gd name="connsiteY8" fmla="*/ 6 h 1405665"/>
                  <a:gd name="connsiteX0" fmla="*/ 54217 w 553588"/>
                  <a:gd name="connsiteY0" fmla="*/ 1729 h 1405665"/>
                  <a:gd name="connsiteX1" fmla="*/ 174207 w 553588"/>
                  <a:gd name="connsiteY1" fmla="*/ 338753 h 1405665"/>
                  <a:gd name="connsiteX2" fmla="*/ 525704 w 553588"/>
                  <a:gd name="connsiteY2" fmla="*/ 973279 h 1405665"/>
                  <a:gd name="connsiteX3" fmla="*/ 482842 w 553588"/>
                  <a:gd name="connsiteY3" fmla="*/ 1359041 h 1405665"/>
                  <a:gd name="connsiteX4" fmla="*/ 97079 w 553588"/>
                  <a:gd name="connsiteY4" fmla="*/ 1316179 h 1405665"/>
                  <a:gd name="connsiteX5" fmla="*/ 339966 w 553588"/>
                  <a:gd name="connsiteY5" fmla="*/ 1130441 h 1405665"/>
                  <a:gd name="connsiteX6" fmla="*/ 225667 w 553588"/>
                  <a:gd name="connsiteY6" fmla="*/ 916129 h 1405665"/>
                  <a:gd name="connsiteX7" fmla="*/ 11354 w 553588"/>
                  <a:gd name="connsiteY7" fmla="*/ 787541 h 1405665"/>
                  <a:gd name="connsiteX8" fmla="*/ 71357 w 553588"/>
                  <a:gd name="connsiteY8" fmla="*/ 6 h 1405665"/>
                  <a:gd name="connsiteX0" fmla="*/ 54217 w 548150"/>
                  <a:gd name="connsiteY0" fmla="*/ 1729 h 1451199"/>
                  <a:gd name="connsiteX1" fmla="*/ 174207 w 548150"/>
                  <a:gd name="connsiteY1" fmla="*/ 338753 h 1451199"/>
                  <a:gd name="connsiteX2" fmla="*/ 525704 w 548150"/>
                  <a:gd name="connsiteY2" fmla="*/ 973279 h 1451199"/>
                  <a:gd name="connsiteX3" fmla="*/ 482842 w 548150"/>
                  <a:gd name="connsiteY3" fmla="*/ 1359041 h 1451199"/>
                  <a:gd name="connsiteX4" fmla="*/ 239954 w 548150"/>
                  <a:gd name="connsiteY4" fmla="*/ 1387617 h 1451199"/>
                  <a:gd name="connsiteX5" fmla="*/ 339966 w 548150"/>
                  <a:gd name="connsiteY5" fmla="*/ 1130441 h 1451199"/>
                  <a:gd name="connsiteX6" fmla="*/ 225667 w 548150"/>
                  <a:gd name="connsiteY6" fmla="*/ 916129 h 1451199"/>
                  <a:gd name="connsiteX7" fmla="*/ 11354 w 548150"/>
                  <a:gd name="connsiteY7" fmla="*/ 787541 h 1451199"/>
                  <a:gd name="connsiteX8" fmla="*/ 71357 w 548150"/>
                  <a:gd name="connsiteY8" fmla="*/ 6 h 1451199"/>
                  <a:gd name="connsiteX0" fmla="*/ 0 w 493933"/>
                  <a:gd name="connsiteY0" fmla="*/ 1730 h 1451200"/>
                  <a:gd name="connsiteX1" fmla="*/ 119990 w 493933"/>
                  <a:gd name="connsiteY1" fmla="*/ 338754 h 1451200"/>
                  <a:gd name="connsiteX2" fmla="*/ 471487 w 493933"/>
                  <a:gd name="connsiteY2" fmla="*/ 973280 h 1451200"/>
                  <a:gd name="connsiteX3" fmla="*/ 428625 w 493933"/>
                  <a:gd name="connsiteY3" fmla="*/ 1359042 h 1451200"/>
                  <a:gd name="connsiteX4" fmla="*/ 185737 w 493933"/>
                  <a:gd name="connsiteY4" fmla="*/ 1387618 h 1451200"/>
                  <a:gd name="connsiteX5" fmla="*/ 285749 w 493933"/>
                  <a:gd name="connsiteY5" fmla="*/ 1130442 h 1451200"/>
                  <a:gd name="connsiteX6" fmla="*/ 171450 w 493933"/>
                  <a:gd name="connsiteY6" fmla="*/ 916130 h 1451200"/>
                  <a:gd name="connsiteX7" fmla="*/ 57150 w 493933"/>
                  <a:gd name="connsiteY7" fmla="*/ 658955 h 1451200"/>
                  <a:gd name="connsiteX8" fmla="*/ 17140 w 493933"/>
                  <a:gd name="connsiteY8" fmla="*/ 7 h 1451200"/>
                  <a:gd name="connsiteX0" fmla="*/ 0 w 493933"/>
                  <a:gd name="connsiteY0" fmla="*/ 0 h 1449470"/>
                  <a:gd name="connsiteX1" fmla="*/ 119990 w 493933"/>
                  <a:gd name="connsiteY1" fmla="*/ 337024 h 1449470"/>
                  <a:gd name="connsiteX2" fmla="*/ 471487 w 493933"/>
                  <a:gd name="connsiteY2" fmla="*/ 971550 h 1449470"/>
                  <a:gd name="connsiteX3" fmla="*/ 428625 w 493933"/>
                  <a:gd name="connsiteY3" fmla="*/ 1357312 h 1449470"/>
                  <a:gd name="connsiteX4" fmla="*/ 185737 w 493933"/>
                  <a:gd name="connsiteY4" fmla="*/ 1385888 h 1449470"/>
                  <a:gd name="connsiteX5" fmla="*/ 285749 w 493933"/>
                  <a:gd name="connsiteY5" fmla="*/ 1128712 h 1449470"/>
                  <a:gd name="connsiteX6" fmla="*/ 171450 w 493933"/>
                  <a:gd name="connsiteY6" fmla="*/ 914400 h 1449470"/>
                  <a:gd name="connsiteX7" fmla="*/ 57150 w 493933"/>
                  <a:gd name="connsiteY7" fmla="*/ 657225 h 1449470"/>
                  <a:gd name="connsiteX8" fmla="*/ 174302 w 493933"/>
                  <a:gd name="connsiteY8" fmla="*/ 141152 h 1449470"/>
                  <a:gd name="connsiteX0" fmla="*/ 0 w 488667"/>
                  <a:gd name="connsiteY0" fmla="*/ 0 h 1449470"/>
                  <a:gd name="connsiteX1" fmla="*/ 191427 w 488667"/>
                  <a:gd name="connsiteY1" fmla="*/ 237011 h 1449470"/>
                  <a:gd name="connsiteX2" fmla="*/ 471487 w 488667"/>
                  <a:gd name="connsiteY2" fmla="*/ 971550 h 1449470"/>
                  <a:gd name="connsiteX3" fmla="*/ 428625 w 488667"/>
                  <a:gd name="connsiteY3" fmla="*/ 1357312 h 1449470"/>
                  <a:gd name="connsiteX4" fmla="*/ 185737 w 488667"/>
                  <a:gd name="connsiteY4" fmla="*/ 1385888 h 1449470"/>
                  <a:gd name="connsiteX5" fmla="*/ 285749 w 488667"/>
                  <a:gd name="connsiteY5" fmla="*/ 1128712 h 1449470"/>
                  <a:gd name="connsiteX6" fmla="*/ 171450 w 488667"/>
                  <a:gd name="connsiteY6" fmla="*/ 914400 h 1449470"/>
                  <a:gd name="connsiteX7" fmla="*/ 57150 w 488667"/>
                  <a:gd name="connsiteY7" fmla="*/ 657225 h 1449470"/>
                  <a:gd name="connsiteX8" fmla="*/ 174302 w 488667"/>
                  <a:gd name="connsiteY8" fmla="*/ 141152 h 1449470"/>
                  <a:gd name="connsiteX0" fmla="*/ 51035 w 439689"/>
                  <a:gd name="connsiteY0" fmla="*/ 30309 h 1308329"/>
                  <a:gd name="connsiteX1" fmla="*/ 142449 w 439689"/>
                  <a:gd name="connsiteY1" fmla="*/ 95870 h 1308329"/>
                  <a:gd name="connsiteX2" fmla="*/ 422509 w 439689"/>
                  <a:gd name="connsiteY2" fmla="*/ 830409 h 1308329"/>
                  <a:gd name="connsiteX3" fmla="*/ 379647 w 439689"/>
                  <a:gd name="connsiteY3" fmla="*/ 1216171 h 1308329"/>
                  <a:gd name="connsiteX4" fmla="*/ 136759 w 439689"/>
                  <a:gd name="connsiteY4" fmla="*/ 1244747 h 1308329"/>
                  <a:gd name="connsiteX5" fmla="*/ 236771 w 439689"/>
                  <a:gd name="connsiteY5" fmla="*/ 987571 h 1308329"/>
                  <a:gd name="connsiteX6" fmla="*/ 122472 w 439689"/>
                  <a:gd name="connsiteY6" fmla="*/ 773259 h 1308329"/>
                  <a:gd name="connsiteX7" fmla="*/ 8172 w 439689"/>
                  <a:gd name="connsiteY7" fmla="*/ 516084 h 1308329"/>
                  <a:gd name="connsiteX8" fmla="*/ 125324 w 439689"/>
                  <a:gd name="connsiteY8" fmla="*/ 11 h 1308329"/>
                  <a:gd name="connsiteX0" fmla="*/ 92478 w 481132"/>
                  <a:gd name="connsiteY0" fmla="*/ 30315 h 1308335"/>
                  <a:gd name="connsiteX1" fmla="*/ 183892 w 481132"/>
                  <a:gd name="connsiteY1" fmla="*/ 95876 h 1308335"/>
                  <a:gd name="connsiteX2" fmla="*/ 463952 w 481132"/>
                  <a:gd name="connsiteY2" fmla="*/ 830415 h 1308335"/>
                  <a:gd name="connsiteX3" fmla="*/ 421090 w 481132"/>
                  <a:gd name="connsiteY3" fmla="*/ 1216177 h 1308335"/>
                  <a:gd name="connsiteX4" fmla="*/ 178202 w 481132"/>
                  <a:gd name="connsiteY4" fmla="*/ 1244753 h 1308335"/>
                  <a:gd name="connsiteX5" fmla="*/ 278214 w 481132"/>
                  <a:gd name="connsiteY5" fmla="*/ 987577 h 1308335"/>
                  <a:gd name="connsiteX6" fmla="*/ 163915 w 481132"/>
                  <a:gd name="connsiteY6" fmla="*/ 773265 h 1308335"/>
                  <a:gd name="connsiteX7" fmla="*/ 6752 w 481132"/>
                  <a:gd name="connsiteY7" fmla="*/ 301778 h 1308335"/>
                  <a:gd name="connsiteX8" fmla="*/ 166767 w 481132"/>
                  <a:gd name="connsiteY8" fmla="*/ 17 h 1308335"/>
                  <a:gd name="connsiteX0" fmla="*/ 176463 w 565117"/>
                  <a:gd name="connsiteY0" fmla="*/ 30309 h 1308329"/>
                  <a:gd name="connsiteX1" fmla="*/ 267877 w 565117"/>
                  <a:gd name="connsiteY1" fmla="*/ 95870 h 1308329"/>
                  <a:gd name="connsiteX2" fmla="*/ 547937 w 565117"/>
                  <a:gd name="connsiteY2" fmla="*/ 830409 h 1308329"/>
                  <a:gd name="connsiteX3" fmla="*/ 505075 w 565117"/>
                  <a:gd name="connsiteY3" fmla="*/ 1216171 h 1308329"/>
                  <a:gd name="connsiteX4" fmla="*/ 262187 w 565117"/>
                  <a:gd name="connsiteY4" fmla="*/ 1244747 h 1308329"/>
                  <a:gd name="connsiteX5" fmla="*/ 362199 w 565117"/>
                  <a:gd name="connsiteY5" fmla="*/ 987571 h 1308329"/>
                  <a:gd name="connsiteX6" fmla="*/ 247900 w 565117"/>
                  <a:gd name="connsiteY6" fmla="*/ 773259 h 1308329"/>
                  <a:gd name="connsiteX7" fmla="*/ 5012 w 565117"/>
                  <a:gd name="connsiteY7" fmla="*/ 487510 h 1308329"/>
                  <a:gd name="connsiteX8" fmla="*/ 250752 w 565117"/>
                  <a:gd name="connsiteY8" fmla="*/ 11 h 1308329"/>
                  <a:gd name="connsiteX0" fmla="*/ 162401 w 551055"/>
                  <a:gd name="connsiteY0" fmla="*/ 30312 h 1308332"/>
                  <a:gd name="connsiteX1" fmla="*/ 253815 w 551055"/>
                  <a:gd name="connsiteY1" fmla="*/ 95873 h 1308332"/>
                  <a:gd name="connsiteX2" fmla="*/ 533875 w 551055"/>
                  <a:gd name="connsiteY2" fmla="*/ 830412 h 1308332"/>
                  <a:gd name="connsiteX3" fmla="*/ 491013 w 551055"/>
                  <a:gd name="connsiteY3" fmla="*/ 1216174 h 1308332"/>
                  <a:gd name="connsiteX4" fmla="*/ 248125 w 551055"/>
                  <a:gd name="connsiteY4" fmla="*/ 1244750 h 1308332"/>
                  <a:gd name="connsiteX5" fmla="*/ 348137 w 551055"/>
                  <a:gd name="connsiteY5" fmla="*/ 987574 h 1308332"/>
                  <a:gd name="connsiteX6" fmla="*/ 233838 w 551055"/>
                  <a:gd name="connsiteY6" fmla="*/ 773262 h 1308332"/>
                  <a:gd name="connsiteX7" fmla="*/ 5238 w 551055"/>
                  <a:gd name="connsiteY7" fmla="*/ 358926 h 1308332"/>
                  <a:gd name="connsiteX8" fmla="*/ 236690 w 551055"/>
                  <a:gd name="connsiteY8" fmla="*/ 14 h 1308332"/>
                  <a:gd name="connsiteX0" fmla="*/ 162401 w 551055"/>
                  <a:gd name="connsiteY0" fmla="*/ 30312 h 1308332"/>
                  <a:gd name="connsiteX1" fmla="*/ 253815 w 551055"/>
                  <a:gd name="connsiteY1" fmla="*/ 95873 h 1308332"/>
                  <a:gd name="connsiteX2" fmla="*/ 533875 w 551055"/>
                  <a:gd name="connsiteY2" fmla="*/ 830412 h 1308332"/>
                  <a:gd name="connsiteX3" fmla="*/ 491013 w 551055"/>
                  <a:gd name="connsiteY3" fmla="*/ 1216174 h 1308332"/>
                  <a:gd name="connsiteX4" fmla="*/ 248125 w 551055"/>
                  <a:gd name="connsiteY4" fmla="*/ 1244750 h 1308332"/>
                  <a:gd name="connsiteX5" fmla="*/ 348137 w 551055"/>
                  <a:gd name="connsiteY5" fmla="*/ 987574 h 1308332"/>
                  <a:gd name="connsiteX6" fmla="*/ 233838 w 551055"/>
                  <a:gd name="connsiteY6" fmla="*/ 773262 h 1308332"/>
                  <a:gd name="connsiteX7" fmla="*/ 5238 w 551055"/>
                  <a:gd name="connsiteY7" fmla="*/ 358926 h 1308332"/>
                  <a:gd name="connsiteX8" fmla="*/ 236690 w 551055"/>
                  <a:gd name="connsiteY8" fmla="*/ 14 h 1308332"/>
                  <a:gd name="connsiteX0" fmla="*/ 162401 w 550003"/>
                  <a:gd name="connsiteY0" fmla="*/ 30312 h 1308332"/>
                  <a:gd name="connsiteX1" fmla="*/ 268103 w 550003"/>
                  <a:gd name="connsiteY1" fmla="*/ 324473 h 1308332"/>
                  <a:gd name="connsiteX2" fmla="*/ 533875 w 550003"/>
                  <a:gd name="connsiteY2" fmla="*/ 830412 h 1308332"/>
                  <a:gd name="connsiteX3" fmla="*/ 491013 w 550003"/>
                  <a:gd name="connsiteY3" fmla="*/ 1216174 h 1308332"/>
                  <a:gd name="connsiteX4" fmla="*/ 248125 w 550003"/>
                  <a:gd name="connsiteY4" fmla="*/ 1244750 h 1308332"/>
                  <a:gd name="connsiteX5" fmla="*/ 348137 w 550003"/>
                  <a:gd name="connsiteY5" fmla="*/ 987574 h 1308332"/>
                  <a:gd name="connsiteX6" fmla="*/ 233838 w 550003"/>
                  <a:gd name="connsiteY6" fmla="*/ 773262 h 1308332"/>
                  <a:gd name="connsiteX7" fmla="*/ 5238 w 550003"/>
                  <a:gd name="connsiteY7" fmla="*/ 358926 h 1308332"/>
                  <a:gd name="connsiteX8" fmla="*/ 236690 w 550003"/>
                  <a:gd name="connsiteY8" fmla="*/ 14 h 1308332"/>
                  <a:gd name="connsiteX0" fmla="*/ 162401 w 549555"/>
                  <a:gd name="connsiteY0" fmla="*/ 30312 h 1318957"/>
                  <a:gd name="connsiteX1" fmla="*/ 268103 w 549555"/>
                  <a:gd name="connsiteY1" fmla="*/ 324473 h 1318957"/>
                  <a:gd name="connsiteX2" fmla="*/ 533875 w 549555"/>
                  <a:gd name="connsiteY2" fmla="*/ 830412 h 1318957"/>
                  <a:gd name="connsiteX3" fmla="*/ 491013 w 549555"/>
                  <a:gd name="connsiteY3" fmla="*/ 1216174 h 1318957"/>
                  <a:gd name="connsiteX4" fmla="*/ 262412 w 549555"/>
                  <a:gd name="connsiteY4" fmla="*/ 1259037 h 1318957"/>
                  <a:gd name="connsiteX5" fmla="*/ 348137 w 549555"/>
                  <a:gd name="connsiteY5" fmla="*/ 987574 h 1318957"/>
                  <a:gd name="connsiteX6" fmla="*/ 233838 w 549555"/>
                  <a:gd name="connsiteY6" fmla="*/ 773262 h 1318957"/>
                  <a:gd name="connsiteX7" fmla="*/ 5238 w 549555"/>
                  <a:gd name="connsiteY7" fmla="*/ 358926 h 1318957"/>
                  <a:gd name="connsiteX8" fmla="*/ 236690 w 549555"/>
                  <a:gd name="connsiteY8" fmla="*/ 14 h 1318957"/>
                  <a:gd name="connsiteX0" fmla="*/ 162401 w 554178"/>
                  <a:gd name="connsiteY0" fmla="*/ 30312 h 1357622"/>
                  <a:gd name="connsiteX1" fmla="*/ 268103 w 554178"/>
                  <a:gd name="connsiteY1" fmla="*/ 324473 h 1357622"/>
                  <a:gd name="connsiteX2" fmla="*/ 533875 w 554178"/>
                  <a:gd name="connsiteY2" fmla="*/ 830412 h 1357622"/>
                  <a:gd name="connsiteX3" fmla="*/ 505301 w 554178"/>
                  <a:gd name="connsiteY3" fmla="*/ 1330474 h 1357622"/>
                  <a:gd name="connsiteX4" fmla="*/ 262412 w 554178"/>
                  <a:gd name="connsiteY4" fmla="*/ 1259037 h 1357622"/>
                  <a:gd name="connsiteX5" fmla="*/ 348137 w 554178"/>
                  <a:gd name="connsiteY5" fmla="*/ 987574 h 1357622"/>
                  <a:gd name="connsiteX6" fmla="*/ 233838 w 554178"/>
                  <a:gd name="connsiteY6" fmla="*/ 773262 h 1357622"/>
                  <a:gd name="connsiteX7" fmla="*/ 5238 w 554178"/>
                  <a:gd name="connsiteY7" fmla="*/ 358926 h 1357622"/>
                  <a:gd name="connsiteX8" fmla="*/ 236690 w 554178"/>
                  <a:gd name="connsiteY8" fmla="*/ 14 h 1357622"/>
                  <a:gd name="connsiteX0" fmla="*/ 162401 w 551984"/>
                  <a:gd name="connsiteY0" fmla="*/ 30312 h 1357623"/>
                  <a:gd name="connsiteX1" fmla="*/ 268103 w 551984"/>
                  <a:gd name="connsiteY1" fmla="*/ 324473 h 1357623"/>
                  <a:gd name="connsiteX2" fmla="*/ 533875 w 551984"/>
                  <a:gd name="connsiteY2" fmla="*/ 830412 h 1357623"/>
                  <a:gd name="connsiteX3" fmla="*/ 505301 w 551984"/>
                  <a:gd name="connsiteY3" fmla="*/ 1330474 h 1357623"/>
                  <a:gd name="connsiteX4" fmla="*/ 319562 w 551984"/>
                  <a:gd name="connsiteY4" fmla="*/ 1259037 h 1357623"/>
                  <a:gd name="connsiteX5" fmla="*/ 348137 w 551984"/>
                  <a:gd name="connsiteY5" fmla="*/ 987574 h 1357623"/>
                  <a:gd name="connsiteX6" fmla="*/ 233838 w 551984"/>
                  <a:gd name="connsiteY6" fmla="*/ 773262 h 1357623"/>
                  <a:gd name="connsiteX7" fmla="*/ 5238 w 551984"/>
                  <a:gd name="connsiteY7" fmla="*/ 358926 h 1357623"/>
                  <a:gd name="connsiteX8" fmla="*/ 236690 w 551984"/>
                  <a:gd name="connsiteY8" fmla="*/ 14 h 1357623"/>
                  <a:gd name="connsiteX0" fmla="*/ 162401 w 553600"/>
                  <a:gd name="connsiteY0" fmla="*/ 30312 h 1357622"/>
                  <a:gd name="connsiteX1" fmla="*/ 268103 w 553600"/>
                  <a:gd name="connsiteY1" fmla="*/ 324473 h 1357622"/>
                  <a:gd name="connsiteX2" fmla="*/ 533875 w 553600"/>
                  <a:gd name="connsiteY2" fmla="*/ 830412 h 1357622"/>
                  <a:gd name="connsiteX3" fmla="*/ 505301 w 553600"/>
                  <a:gd name="connsiteY3" fmla="*/ 1330474 h 1357622"/>
                  <a:gd name="connsiteX4" fmla="*/ 276700 w 553600"/>
                  <a:gd name="connsiteY4" fmla="*/ 1259037 h 1357622"/>
                  <a:gd name="connsiteX5" fmla="*/ 348137 w 553600"/>
                  <a:gd name="connsiteY5" fmla="*/ 987574 h 1357622"/>
                  <a:gd name="connsiteX6" fmla="*/ 233838 w 553600"/>
                  <a:gd name="connsiteY6" fmla="*/ 773262 h 1357622"/>
                  <a:gd name="connsiteX7" fmla="*/ 5238 w 553600"/>
                  <a:gd name="connsiteY7" fmla="*/ 358926 h 1357622"/>
                  <a:gd name="connsiteX8" fmla="*/ 236690 w 553600"/>
                  <a:gd name="connsiteY8" fmla="*/ 14 h 1357622"/>
                  <a:gd name="connsiteX0" fmla="*/ 162401 w 553600"/>
                  <a:gd name="connsiteY0" fmla="*/ 30312 h 1373244"/>
                  <a:gd name="connsiteX1" fmla="*/ 268103 w 553600"/>
                  <a:gd name="connsiteY1" fmla="*/ 324473 h 1373244"/>
                  <a:gd name="connsiteX2" fmla="*/ 533875 w 553600"/>
                  <a:gd name="connsiteY2" fmla="*/ 830412 h 1373244"/>
                  <a:gd name="connsiteX3" fmla="*/ 505301 w 553600"/>
                  <a:gd name="connsiteY3" fmla="*/ 1330474 h 1373244"/>
                  <a:gd name="connsiteX4" fmla="*/ 276700 w 553600"/>
                  <a:gd name="connsiteY4" fmla="*/ 1259037 h 1373244"/>
                  <a:gd name="connsiteX5" fmla="*/ 348137 w 553600"/>
                  <a:gd name="connsiteY5" fmla="*/ 987574 h 1373244"/>
                  <a:gd name="connsiteX6" fmla="*/ 233838 w 553600"/>
                  <a:gd name="connsiteY6" fmla="*/ 773262 h 1373244"/>
                  <a:gd name="connsiteX7" fmla="*/ 5238 w 553600"/>
                  <a:gd name="connsiteY7" fmla="*/ 358926 h 1373244"/>
                  <a:gd name="connsiteX8" fmla="*/ 236690 w 553600"/>
                  <a:gd name="connsiteY8" fmla="*/ 14 h 1373244"/>
                  <a:gd name="connsiteX0" fmla="*/ 162401 w 553600"/>
                  <a:gd name="connsiteY0" fmla="*/ 30312 h 1369420"/>
                  <a:gd name="connsiteX1" fmla="*/ 268103 w 553600"/>
                  <a:gd name="connsiteY1" fmla="*/ 324473 h 1369420"/>
                  <a:gd name="connsiteX2" fmla="*/ 533875 w 553600"/>
                  <a:gd name="connsiteY2" fmla="*/ 830412 h 1369420"/>
                  <a:gd name="connsiteX3" fmla="*/ 505301 w 553600"/>
                  <a:gd name="connsiteY3" fmla="*/ 1330474 h 1369420"/>
                  <a:gd name="connsiteX4" fmla="*/ 276700 w 553600"/>
                  <a:gd name="connsiteY4" fmla="*/ 1259037 h 1369420"/>
                  <a:gd name="connsiteX5" fmla="*/ 348137 w 553600"/>
                  <a:gd name="connsiteY5" fmla="*/ 987574 h 1369420"/>
                  <a:gd name="connsiteX6" fmla="*/ 233838 w 553600"/>
                  <a:gd name="connsiteY6" fmla="*/ 773262 h 1369420"/>
                  <a:gd name="connsiteX7" fmla="*/ 5238 w 553600"/>
                  <a:gd name="connsiteY7" fmla="*/ 358926 h 1369420"/>
                  <a:gd name="connsiteX8" fmla="*/ 236690 w 553600"/>
                  <a:gd name="connsiteY8" fmla="*/ 14 h 1369420"/>
                  <a:gd name="connsiteX0" fmla="*/ 162401 w 553600"/>
                  <a:gd name="connsiteY0" fmla="*/ 30312 h 1362831"/>
                  <a:gd name="connsiteX1" fmla="*/ 268103 w 553600"/>
                  <a:gd name="connsiteY1" fmla="*/ 324473 h 1362831"/>
                  <a:gd name="connsiteX2" fmla="*/ 533875 w 553600"/>
                  <a:gd name="connsiteY2" fmla="*/ 830412 h 1362831"/>
                  <a:gd name="connsiteX3" fmla="*/ 505301 w 553600"/>
                  <a:gd name="connsiteY3" fmla="*/ 1330474 h 1362831"/>
                  <a:gd name="connsiteX4" fmla="*/ 276700 w 553600"/>
                  <a:gd name="connsiteY4" fmla="*/ 1259037 h 1362831"/>
                  <a:gd name="connsiteX5" fmla="*/ 348137 w 553600"/>
                  <a:gd name="connsiteY5" fmla="*/ 987574 h 1362831"/>
                  <a:gd name="connsiteX6" fmla="*/ 233838 w 553600"/>
                  <a:gd name="connsiteY6" fmla="*/ 773262 h 1362831"/>
                  <a:gd name="connsiteX7" fmla="*/ 5238 w 553600"/>
                  <a:gd name="connsiteY7" fmla="*/ 358926 h 1362831"/>
                  <a:gd name="connsiteX8" fmla="*/ 236690 w 553600"/>
                  <a:gd name="connsiteY8" fmla="*/ 14 h 1362831"/>
                  <a:gd name="connsiteX0" fmla="*/ 162401 w 824764"/>
                  <a:gd name="connsiteY0" fmla="*/ 30312 h 1294755"/>
                  <a:gd name="connsiteX1" fmla="*/ 268103 w 824764"/>
                  <a:gd name="connsiteY1" fmla="*/ 324473 h 1294755"/>
                  <a:gd name="connsiteX2" fmla="*/ 533875 w 824764"/>
                  <a:gd name="connsiteY2" fmla="*/ 830412 h 1294755"/>
                  <a:gd name="connsiteX3" fmla="*/ 819626 w 824764"/>
                  <a:gd name="connsiteY3" fmla="*/ 1244749 h 1294755"/>
                  <a:gd name="connsiteX4" fmla="*/ 276700 w 824764"/>
                  <a:gd name="connsiteY4" fmla="*/ 1259037 h 1294755"/>
                  <a:gd name="connsiteX5" fmla="*/ 348137 w 824764"/>
                  <a:gd name="connsiteY5" fmla="*/ 987574 h 1294755"/>
                  <a:gd name="connsiteX6" fmla="*/ 233838 w 824764"/>
                  <a:gd name="connsiteY6" fmla="*/ 773262 h 1294755"/>
                  <a:gd name="connsiteX7" fmla="*/ 5238 w 824764"/>
                  <a:gd name="connsiteY7" fmla="*/ 358926 h 1294755"/>
                  <a:gd name="connsiteX8" fmla="*/ 236690 w 824764"/>
                  <a:gd name="connsiteY8" fmla="*/ 14 h 1294755"/>
                  <a:gd name="connsiteX0" fmla="*/ 162401 w 823403"/>
                  <a:gd name="connsiteY0" fmla="*/ 30312 h 1289589"/>
                  <a:gd name="connsiteX1" fmla="*/ 268103 w 823403"/>
                  <a:gd name="connsiteY1" fmla="*/ 324473 h 1289589"/>
                  <a:gd name="connsiteX2" fmla="*/ 505300 w 823403"/>
                  <a:gd name="connsiteY2" fmla="*/ 916137 h 1289589"/>
                  <a:gd name="connsiteX3" fmla="*/ 819626 w 823403"/>
                  <a:gd name="connsiteY3" fmla="*/ 1244749 h 1289589"/>
                  <a:gd name="connsiteX4" fmla="*/ 276700 w 823403"/>
                  <a:gd name="connsiteY4" fmla="*/ 1259037 h 1289589"/>
                  <a:gd name="connsiteX5" fmla="*/ 348137 w 823403"/>
                  <a:gd name="connsiteY5" fmla="*/ 987574 h 1289589"/>
                  <a:gd name="connsiteX6" fmla="*/ 233838 w 823403"/>
                  <a:gd name="connsiteY6" fmla="*/ 773262 h 1289589"/>
                  <a:gd name="connsiteX7" fmla="*/ 5238 w 823403"/>
                  <a:gd name="connsiteY7" fmla="*/ 358926 h 1289589"/>
                  <a:gd name="connsiteX8" fmla="*/ 236690 w 823403"/>
                  <a:gd name="connsiteY8" fmla="*/ 14 h 1289589"/>
                  <a:gd name="connsiteX0" fmla="*/ 162401 w 822771"/>
                  <a:gd name="connsiteY0" fmla="*/ 30312 h 1289589"/>
                  <a:gd name="connsiteX1" fmla="*/ 268103 w 822771"/>
                  <a:gd name="connsiteY1" fmla="*/ 324473 h 1289589"/>
                  <a:gd name="connsiteX2" fmla="*/ 505300 w 822771"/>
                  <a:gd name="connsiteY2" fmla="*/ 916137 h 1289589"/>
                  <a:gd name="connsiteX3" fmla="*/ 819626 w 822771"/>
                  <a:gd name="connsiteY3" fmla="*/ 1244749 h 1289589"/>
                  <a:gd name="connsiteX4" fmla="*/ 648175 w 822771"/>
                  <a:gd name="connsiteY4" fmla="*/ 1259037 h 1289589"/>
                  <a:gd name="connsiteX5" fmla="*/ 348137 w 822771"/>
                  <a:gd name="connsiteY5" fmla="*/ 987574 h 1289589"/>
                  <a:gd name="connsiteX6" fmla="*/ 233838 w 822771"/>
                  <a:gd name="connsiteY6" fmla="*/ 773262 h 1289589"/>
                  <a:gd name="connsiteX7" fmla="*/ 5238 w 822771"/>
                  <a:gd name="connsiteY7" fmla="*/ 358926 h 1289589"/>
                  <a:gd name="connsiteX8" fmla="*/ 236690 w 822771"/>
                  <a:gd name="connsiteY8" fmla="*/ 14 h 1289589"/>
                  <a:gd name="connsiteX0" fmla="*/ 162401 w 864982"/>
                  <a:gd name="connsiteY0" fmla="*/ 30312 h 1261829"/>
                  <a:gd name="connsiteX1" fmla="*/ 268103 w 864982"/>
                  <a:gd name="connsiteY1" fmla="*/ 324473 h 1261829"/>
                  <a:gd name="connsiteX2" fmla="*/ 505300 w 864982"/>
                  <a:gd name="connsiteY2" fmla="*/ 916137 h 1261829"/>
                  <a:gd name="connsiteX3" fmla="*/ 862488 w 864982"/>
                  <a:gd name="connsiteY3" fmla="*/ 1116161 h 1261829"/>
                  <a:gd name="connsiteX4" fmla="*/ 648175 w 864982"/>
                  <a:gd name="connsiteY4" fmla="*/ 1259037 h 1261829"/>
                  <a:gd name="connsiteX5" fmla="*/ 348137 w 864982"/>
                  <a:gd name="connsiteY5" fmla="*/ 987574 h 1261829"/>
                  <a:gd name="connsiteX6" fmla="*/ 233838 w 864982"/>
                  <a:gd name="connsiteY6" fmla="*/ 773262 h 1261829"/>
                  <a:gd name="connsiteX7" fmla="*/ 5238 w 864982"/>
                  <a:gd name="connsiteY7" fmla="*/ 358926 h 1261829"/>
                  <a:gd name="connsiteX8" fmla="*/ 236690 w 864982"/>
                  <a:gd name="connsiteY8" fmla="*/ 14 h 1261829"/>
                  <a:gd name="connsiteX0" fmla="*/ 162401 w 863214"/>
                  <a:gd name="connsiteY0" fmla="*/ 30312 h 1304069"/>
                  <a:gd name="connsiteX1" fmla="*/ 268103 w 863214"/>
                  <a:gd name="connsiteY1" fmla="*/ 324473 h 1304069"/>
                  <a:gd name="connsiteX2" fmla="*/ 505300 w 863214"/>
                  <a:gd name="connsiteY2" fmla="*/ 916137 h 1304069"/>
                  <a:gd name="connsiteX3" fmla="*/ 862488 w 863214"/>
                  <a:gd name="connsiteY3" fmla="*/ 1116161 h 1304069"/>
                  <a:gd name="connsiteX4" fmla="*/ 591025 w 863214"/>
                  <a:gd name="connsiteY4" fmla="*/ 1301900 h 1304069"/>
                  <a:gd name="connsiteX5" fmla="*/ 348137 w 863214"/>
                  <a:gd name="connsiteY5" fmla="*/ 987574 h 1304069"/>
                  <a:gd name="connsiteX6" fmla="*/ 233838 w 863214"/>
                  <a:gd name="connsiteY6" fmla="*/ 773262 h 1304069"/>
                  <a:gd name="connsiteX7" fmla="*/ 5238 w 863214"/>
                  <a:gd name="connsiteY7" fmla="*/ 358926 h 1304069"/>
                  <a:gd name="connsiteX8" fmla="*/ 236690 w 863214"/>
                  <a:gd name="connsiteY8" fmla="*/ 14 h 1304069"/>
                  <a:gd name="connsiteX0" fmla="*/ 162401 w 872380"/>
                  <a:gd name="connsiteY0" fmla="*/ 30312 h 1314752"/>
                  <a:gd name="connsiteX1" fmla="*/ 268103 w 872380"/>
                  <a:gd name="connsiteY1" fmla="*/ 324473 h 1314752"/>
                  <a:gd name="connsiteX2" fmla="*/ 505300 w 872380"/>
                  <a:gd name="connsiteY2" fmla="*/ 916137 h 1314752"/>
                  <a:gd name="connsiteX3" fmla="*/ 862488 w 872380"/>
                  <a:gd name="connsiteY3" fmla="*/ 1116161 h 1314752"/>
                  <a:gd name="connsiteX4" fmla="*/ 756975 w 872380"/>
                  <a:gd name="connsiteY4" fmla="*/ 1240616 h 1314752"/>
                  <a:gd name="connsiteX5" fmla="*/ 591025 w 872380"/>
                  <a:gd name="connsiteY5" fmla="*/ 1301900 h 1314752"/>
                  <a:gd name="connsiteX6" fmla="*/ 348137 w 872380"/>
                  <a:gd name="connsiteY6" fmla="*/ 987574 h 1314752"/>
                  <a:gd name="connsiteX7" fmla="*/ 233838 w 872380"/>
                  <a:gd name="connsiteY7" fmla="*/ 773262 h 1314752"/>
                  <a:gd name="connsiteX8" fmla="*/ 5238 w 872380"/>
                  <a:gd name="connsiteY8" fmla="*/ 358926 h 1314752"/>
                  <a:gd name="connsiteX9" fmla="*/ 236690 w 872380"/>
                  <a:gd name="connsiteY9" fmla="*/ 14 h 1314752"/>
                  <a:gd name="connsiteX0" fmla="*/ 162401 w 892885"/>
                  <a:gd name="connsiteY0" fmla="*/ 30312 h 1393286"/>
                  <a:gd name="connsiteX1" fmla="*/ 268103 w 892885"/>
                  <a:gd name="connsiteY1" fmla="*/ 324473 h 1393286"/>
                  <a:gd name="connsiteX2" fmla="*/ 505300 w 892885"/>
                  <a:gd name="connsiteY2" fmla="*/ 916137 h 1393286"/>
                  <a:gd name="connsiteX3" fmla="*/ 862488 w 892885"/>
                  <a:gd name="connsiteY3" fmla="*/ 1116161 h 1393286"/>
                  <a:gd name="connsiteX4" fmla="*/ 842700 w 892885"/>
                  <a:gd name="connsiteY4" fmla="*/ 1383491 h 1393286"/>
                  <a:gd name="connsiteX5" fmla="*/ 591025 w 892885"/>
                  <a:gd name="connsiteY5" fmla="*/ 1301900 h 1393286"/>
                  <a:gd name="connsiteX6" fmla="*/ 348137 w 892885"/>
                  <a:gd name="connsiteY6" fmla="*/ 987574 h 1393286"/>
                  <a:gd name="connsiteX7" fmla="*/ 233838 w 892885"/>
                  <a:gd name="connsiteY7" fmla="*/ 773262 h 1393286"/>
                  <a:gd name="connsiteX8" fmla="*/ 5238 w 892885"/>
                  <a:gd name="connsiteY8" fmla="*/ 358926 h 1393286"/>
                  <a:gd name="connsiteX9" fmla="*/ 236690 w 892885"/>
                  <a:gd name="connsiteY9" fmla="*/ 14 h 1393286"/>
                  <a:gd name="connsiteX0" fmla="*/ 162401 w 879771"/>
                  <a:gd name="connsiteY0" fmla="*/ 30312 h 1474274"/>
                  <a:gd name="connsiteX1" fmla="*/ 268103 w 879771"/>
                  <a:gd name="connsiteY1" fmla="*/ 324473 h 1474274"/>
                  <a:gd name="connsiteX2" fmla="*/ 505300 w 879771"/>
                  <a:gd name="connsiteY2" fmla="*/ 916137 h 1474274"/>
                  <a:gd name="connsiteX3" fmla="*/ 862488 w 879771"/>
                  <a:gd name="connsiteY3" fmla="*/ 1116161 h 1474274"/>
                  <a:gd name="connsiteX4" fmla="*/ 799838 w 879771"/>
                  <a:gd name="connsiteY4" fmla="*/ 1469216 h 1474274"/>
                  <a:gd name="connsiteX5" fmla="*/ 591025 w 879771"/>
                  <a:gd name="connsiteY5" fmla="*/ 1301900 h 1474274"/>
                  <a:gd name="connsiteX6" fmla="*/ 348137 w 879771"/>
                  <a:gd name="connsiteY6" fmla="*/ 987574 h 1474274"/>
                  <a:gd name="connsiteX7" fmla="*/ 233838 w 879771"/>
                  <a:gd name="connsiteY7" fmla="*/ 773262 h 1474274"/>
                  <a:gd name="connsiteX8" fmla="*/ 5238 w 879771"/>
                  <a:gd name="connsiteY8" fmla="*/ 358926 h 1474274"/>
                  <a:gd name="connsiteX9" fmla="*/ 236690 w 879771"/>
                  <a:gd name="connsiteY9" fmla="*/ 14 h 1474274"/>
                  <a:gd name="connsiteX0" fmla="*/ 162401 w 879771"/>
                  <a:gd name="connsiteY0" fmla="*/ 30312 h 1474274"/>
                  <a:gd name="connsiteX1" fmla="*/ 353828 w 879771"/>
                  <a:gd name="connsiteY1" fmla="*/ 238748 h 1474274"/>
                  <a:gd name="connsiteX2" fmla="*/ 505300 w 879771"/>
                  <a:gd name="connsiteY2" fmla="*/ 916137 h 1474274"/>
                  <a:gd name="connsiteX3" fmla="*/ 862488 w 879771"/>
                  <a:gd name="connsiteY3" fmla="*/ 1116161 h 1474274"/>
                  <a:gd name="connsiteX4" fmla="*/ 799838 w 879771"/>
                  <a:gd name="connsiteY4" fmla="*/ 1469216 h 1474274"/>
                  <a:gd name="connsiteX5" fmla="*/ 591025 w 879771"/>
                  <a:gd name="connsiteY5" fmla="*/ 1301900 h 1474274"/>
                  <a:gd name="connsiteX6" fmla="*/ 348137 w 879771"/>
                  <a:gd name="connsiteY6" fmla="*/ 987574 h 1474274"/>
                  <a:gd name="connsiteX7" fmla="*/ 233838 w 879771"/>
                  <a:gd name="connsiteY7" fmla="*/ 773262 h 1474274"/>
                  <a:gd name="connsiteX8" fmla="*/ 5238 w 879771"/>
                  <a:gd name="connsiteY8" fmla="*/ 358926 h 1474274"/>
                  <a:gd name="connsiteX9" fmla="*/ 236690 w 879771"/>
                  <a:gd name="connsiteY9" fmla="*/ 14 h 1474274"/>
                  <a:gd name="connsiteX0" fmla="*/ 162401 w 879771"/>
                  <a:gd name="connsiteY0" fmla="*/ 30312 h 1474274"/>
                  <a:gd name="connsiteX1" fmla="*/ 425265 w 879771"/>
                  <a:gd name="connsiteY1" fmla="*/ 510210 h 1474274"/>
                  <a:gd name="connsiteX2" fmla="*/ 505300 w 879771"/>
                  <a:gd name="connsiteY2" fmla="*/ 916137 h 1474274"/>
                  <a:gd name="connsiteX3" fmla="*/ 862488 w 879771"/>
                  <a:gd name="connsiteY3" fmla="*/ 1116161 h 1474274"/>
                  <a:gd name="connsiteX4" fmla="*/ 799838 w 879771"/>
                  <a:gd name="connsiteY4" fmla="*/ 1469216 h 1474274"/>
                  <a:gd name="connsiteX5" fmla="*/ 591025 w 879771"/>
                  <a:gd name="connsiteY5" fmla="*/ 1301900 h 1474274"/>
                  <a:gd name="connsiteX6" fmla="*/ 348137 w 879771"/>
                  <a:gd name="connsiteY6" fmla="*/ 987574 h 1474274"/>
                  <a:gd name="connsiteX7" fmla="*/ 233838 w 879771"/>
                  <a:gd name="connsiteY7" fmla="*/ 773262 h 1474274"/>
                  <a:gd name="connsiteX8" fmla="*/ 5238 w 879771"/>
                  <a:gd name="connsiteY8" fmla="*/ 358926 h 1474274"/>
                  <a:gd name="connsiteX9" fmla="*/ 236690 w 879771"/>
                  <a:gd name="connsiteY9" fmla="*/ 14 h 1474274"/>
                  <a:gd name="connsiteX0" fmla="*/ 160380 w 877750"/>
                  <a:gd name="connsiteY0" fmla="*/ 1739 h 1445701"/>
                  <a:gd name="connsiteX1" fmla="*/ 423244 w 877750"/>
                  <a:gd name="connsiteY1" fmla="*/ 481637 h 1445701"/>
                  <a:gd name="connsiteX2" fmla="*/ 503279 w 877750"/>
                  <a:gd name="connsiteY2" fmla="*/ 887564 h 1445701"/>
                  <a:gd name="connsiteX3" fmla="*/ 860467 w 877750"/>
                  <a:gd name="connsiteY3" fmla="*/ 1087588 h 1445701"/>
                  <a:gd name="connsiteX4" fmla="*/ 797817 w 877750"/>
                  <a:gd name="connsiteY4" fmla="*/ 1440643 h 1445701"/>
                  <a:gd name="connsiteX5" fmla="*/ 589004 w 877750"/>
                  <a:gd name="connsiteY5" fmla="*/ 1273327 h 1445701"/>
                  <a:gd name="connsiteX6" fmla="*/ 346116 w 877750"/>
                  <a:gd name="connsiteY6" fmla="*/ 959001 h 1445701"/>
                  <a:gd name="connsiteX7" fmla="*/ 231817 w 877750"/>
                  <a:gd name="connsiteY7" fmla="*/ 744689 h 1445701"/>
                  <a:gd name="connsiteX8" fmla="*/ 3217 w 877750"/>
                  <a:gd name="connsiteY8" fmla="*/ 330353 h 1445701"/>
                  <a:gd name="connsiteX9" fmla="*/ 434694 w 877750"/>
                  <a:gd name="connsiteY9" fmla="*/ 16 h 1445701"/>
                  <a:gd name="connsiteX0" fmla="*/ 460418 w 877750"/>
                  <a:gd name="connsiteY0" fmla="*/ 158901 h 1445701"/>
                  <a:gd name="connsiteX1" fmla="*/ 423244 w 877750"/>
                  <a:gd name="connsiteY1" fmla="*/ 481637 h 1445701"/>
                  <a:gd name="connsiteX2" fmla="*/ 503279 w 877750"/>
                  <a:gd name="connsiteY2" fmla="*/ 887564 h 1445701"/>
                  <a:gd name="connsiteX3" fmla="*/ 860467 w 877750"/>
                  <a:gd name="connsiteY3" fmla="*/ 1087588 h 1445701"/>
                  <a:gd name="connsiteX4" fmla="*/ 797817 w 877750"/>
                  <a:gd name="connsiteY4" fmla="*/ 1440643 h 1445701"/>
                  <a:gd name="connsiteX5" fmla="*/ 589004 w 877750"/>
                  <a:gd name="connsiteY5" fmla="*/ 1273327 h 1445701"/>
                  <a:gd name="connsiteX6" fmla="*/ 346116 w 877750"/>
                  <a:gd name="connsiteY6" fmla="*/ 959001 h 1445701"/>
                  <a:gd name="connsiteX7" fmla="*/ 231817 w 877750"/>
                  <a:gd name="connsiteY7" fmla="*/ 744689 h 1445701"/>
                  <a:gd name="connsiteX8" fmla="*/ 3217 w 877750"/>
                  <a:gd name="connsiteY8" fmla="*/ 330353 h 1445701"/>
                  <a:gd name="connsiteX9" fmla="*/ 434694 w 877750"/>
                  <a:gd name="connsiteY9" fmla="*/ 16 h 1445701"/>
                  <a:gd name="connsiteX0" fmla="*/ 460418 w 912737"/>
                  <a:gd name="connsiteY0" fmla="*/ 158901 h 1445701"/>
                  <a:gd name="connsiteX1" fmla="*/ 423244 w 912737"/>
                  <a:gd name="connsiteY1" fmla="*/ 481637 h 1445701"/>
                  <a:gd name="connsiteX2" fmla="*/ 503279 w 912737"/>
                  <a:gd name="connsiteY2" fmla="*/ 887564 h 1445701"/>
                  <a:gd name="connsiteX3" fmla="*/ 860467 w 912737"/>
                  <a:gd name="connsiteY3" fmla="*/ 1087588 h 1445701"/>
                  <a:gd name="connsiteX4" fmla="*/ 797817 w 912737"/>
                  <a:gd name="connsiteY4" fmla="*/ 1440643 h 1445701"/>
                  <a:gd name="connsiteX5" fmla="*/ 589004 w 912737"/>
                  <a:gd name="connsiteY5" fmla="*/ 1273327 h 1445701"/>
                  <a:gd name="connsiteX6" fmla="*/ 346116 w 912737"/>
                  <a:gd name="connsiteY6" fmla="*/ 959001 h 1445701"/>
                  <a:gd name="connsiteX7" fmla="*/ 231817 w 912737"/>
                  <a:gd name="connsiteY7" fmla="*/ 744689 h 1445701"/>
                  <a:gd name="connsiteX8" fmla="*/ 3217 w 912737"/>
                  <a:gd name="connsiteY8" fmla="*/ 330353 h 1445701"/>
                  <a:gd name="connsiteX9" fmla="*/ 434694 w 912737"/>
                  <a:gd name="connsiteY9" fmla="*/ 16 h 1445701"/>
                  <a:gd name="connsiteX0" fmla="*/ 460418 w 912737"/>
                  <a:gd name="connsiteY0" fmla="*/ 158901 h 1444547"/>
                  <a:gd name="connsiteX1" fmla="*/ 423244 w 912737"/>
                  <a:gd name="connsiteY1" fmla="*/ 481637 h 1444547"/>
                  <a:gd name="connsiteX2" fmla="*/ 503279 w 912737"/>
                  <a:gd name="connsiteY2" fmla="*/ 887564 h 1444547"/>
                  <a:gd name="connsiteX3" fmla="*/ 860467 w 912737"/>
                  <a:gd name="connsiteY3" fmla="*/ 1087588 h 1444547"/>
                  <a:gd name="connsiteX4" fmla="*/ 797817 w 912737"/>
                  <a:gd name="connsiteY4" fmla="*/ 1440643 h 1444547"/>
                  <a:gd name="connsiteX5" fmla="*/ 646154 w 912737"/>
                  <a:gd name="connsiteY5" fmla="*/ 1230465 h 1444547"/>
                  <a:gd name="connsiteX6" fmla="*/ 346116 w 912737"/>
                  <a:gd name="connsiteY6" fmla="*/ 959001 h 1444547"/>
                  <a:gd name="connsiteX7" fmla="*/ 231817 w 912737"/>
                  <a:gd name="connsiteY7" fmla="*/ 744689 h 1444547"/>
                  <a:gd name="connsiteX8" fmla="*/ 3217 w 912737"/>
                  <a:gd name="connsiteY8" fmla="*/ 330353 h 1444547"/>
                  <a:gd name="connsiteX9" fmla="*/ 434694 w 912737"/>
                  <a:gd name="connsiteY9" fmla="*/ 16 h 1444547"/>
                  <a:gd name="connsiteX0" fmla="*/ 460418 w 912737"/>
                  <a:gd name="connsiteY0" fmla="*/ 158901 h 1443181"/>
                  <a:gd name="connsiteX1" fmla="*/ 423244 w 912737"/>
                  <a:gd name="connsiteY1" fmla="*/ 481637 h 1443181"/>
                  <a:gd name="connsiteX2" fmla="*/ 503279 w 912737"/>
                  <a:gd name="connsiteY2" fmla="*/ 887564 h 1443181"/>
                  <a:gd name="connsiteX3" fmla="*/ 860467 w 912737"/>
                  <a:gd name="connsiteY3" fmla="*/ 1087588 h 1443181"/>
                  <a:gd name="connsiteX4" fmla="*/ 797817 w 912737"/>
                  <a:gd name="connsiteY4" fmla="*/ 1440643 h 1443181"/>
                  <a:gd name="connsiteX5" fmla="*/ 574717 w 912737"/>
                  <a:gd name="connsiteY5" fmla="*/ 1130453 h 1443181"/>
                  <a:gd name="connsiteX6" fmla="*/ 346116 w 912737"/>
                  <a:gd name="connsiteY6" fmla="*/ 959001 h 1443181"/>
                  <a:gd name="connsiteX7" fmla="*/ 231817 w 912737"/>
                  <a:gd name="connsiteY7" fmla="*/ 744689 h 1443181"/>
                  <a:gd name="connsiteX8" fmla="*/ 3217 w 912737"/>
                  <a:gd name="connsiteY8" fmla="*/ 330353 h 1443181"/>
                  <a:gd name="connsiteX9" fmla="*/ 434694 w 912737"/>
                  <a:gd name="connsiteY9" fmla="*/ 16 h 1443181"/>
                  <a:gd name="connsiteX0" fmla="*/ 460418 w 897918"/>
                  <a:gd name="connsiteY0" fmla="*/ 158901 h 1528395"/>
                  <a:gd name="connsiteX1" fmla="*/ 423244 w 897918"/>
                  <a:gd name="connsiteY1" fmla="*/ 481637 h 1528395"/>
                  <a:gd name="connsiteX2" fmla="*/ 503279 w 897918"/>
                  <a:gd name="connsiteY2" fmla="*/ 887564 h 1528395"/>
                  <a:gd name="connsiteX3" fmla="*/ 860467 w 897918"/>
                  <a:gd name="connsiteY3" fmla="*/ 1087588 h 1528395"/>
                  <a:gd name="connsiteX4" fmla="*/ 769242 w 897918"/>
                  <a:gd name="connsiteY4" fmla="*/ 1526368 h 1528395"/>
                  <a:gd name="connsiteX5" fmla="*/ 574717 w 897918"/>
                  <a:gd name="connsiteY5" fmla="*/ 1130453 h 1528395"/>
                  <a:gd name="connsiteX6" fmla="*/ 346116 w 897918"/>
                  <a:gd name="connsiteY6" fmla="*/ 959001 h 1528395"/>
                  <a:gd name="connsiteX7" fmla="*/ 231817 w 897918"/>
                  <a:gd name="connsiteY7" fmla="*/ 744689 h 1528395"/>
                  <a:gd name="connsiteX8" fmla="*/ 3217 w 897918"/>
                  <a:gd name="connsiteY8" fmla="*/ 330353 h 1528395"/>
                  <a:gd name="connsiteX9" fmla="*/ 434694 w 897918"/>
                  <a:gd name="connsiteY9" fmla="*/ 16 h 1528395"/>
                  <a:gd name="connsiteX0" fmla="*/ 460418 w 940906"/>
                  <a:gd name="connsiteY0" fmla="*/ 158901 h 1528395"/>
                  <a:gd name="connsiteX1" fmla="*/ 423244 w 940906"/>
                  <a:gd name="connsiteY1" fmla="*/ 481637 h 1528395"/>
                  <a:gd name="connsiteX2" fmla="*/ 503279 w 940906"/>
                  <a:gd name="connsiteY2" fmla="*/ 887564 h 1528395"/>
                  <a:gd name="connsiteX3" fmla="*/ 860467 w 940906"/>
                  <a:gd name="connsiteY3" fmla="*/ 1087588 h 1528395"/>
                  <a:gd name="connsiteX4" fmla="*/ 769242 w 940906"/>
                  <a:gd name="connsiteY4" fmla="*/ 1526368 h 1528395"/>
                  <a:gd name="connsiteX5" fmla="*/ 574717 w 940906"/>
                  <a:gd name="connsiteY5" fmla="*/ 1130453 h 1528395"/>
                  <a:gd name="connsiteX6" fmla="*/ 346116 w 940906"/>
                  <a:gd name="connsiteY6" fmla="*/ 959001 h 1528395"/>
                  <a:gd name="connsiteX7" fmla="*/ 231817 w 940906"/>
                  <a:gd name="connsiteY7" fmla="*/ 744689 h 1528395"/>
                  <a:gd name="connsiteX8" fmla="*/ 3217 w 940906"/>
                  <a:gd name="connsiteY8" fmla="*/ 330353 h 1528395"/>
                  <a:gd name="connsiteX9" fmla="*/ 434694 w 940906"/>
                  <a:gd name="connsiteY9" fmla="*/ 16 h 1528395"/>
                  <a:gd name="connsiteX0" fmla="*/ 460418 w 911967"/>
                  <a:gd name="connsiteY0" fmla="*/ 158901 h 1533279"/>
                  <a:gd name="connsiteX1" fmla="*/ 423244 w 911967"/>
                  <a:gd name="connsiteY1" fmla="*/ 481637 h 1533279"/>
                  <a:gd name="connsiteX2" fmla="*/ 503279 w 911967"/>
                  <a:gd name="connsiteY2" fmla="*/ 887564 h 1533279"/>
                  <a:gd name="connsiteX3" fmla="*/ 860467 w 911967"/>
                  <a:gd name="connsiteY3" fmla="*/ 1087588 h 1533279"/>
                  <a:gd name="connsiteX4" fmla="*/ 769242 w 911967"/>
                  <a:gd name="connsiteY4" fmla="*/ 1526368 h 1533279"/>
                  <a:gd name="connsiteX5" fmla="*/ 654940 w 911967"/>
                  <a:gd name="connsiteY5" fmla="*/ 1340629 h 1533279"/>
                  <a:gd name="connsiteX6" fmla="*/ 574717 w 911967"/>
                  <a:gd name="connsiteY6" fmla="*/ 1130453 h 1533279"/>
                  <a:gd name="connsiteX7" fmla="*/ 346116 w 911967"/>
                  <a:gd name="connsiteY7" fmla="*/ 959001 h 1533279"/>
                  <a:gd name="connsiteX8" fmla="*/ 231817 w 911967"/>
                  <a:gd name="connsiteY8" fmla="*/ 744689 h 1533279"/>
                  <a:gd name="connsiteX9" fmla="*/ 3217 w 911967"/>
                  <a:gd name="connsiteY9" fmla="*/ 330353 h 1533279"/>
                  <a:gd name="connsiteX10" fmla="*/ 434694 w 911967"/>
                  <a:gd name="connsiteY10" fmla="*/ 16 h 1533279"/>
                  <a:gd name="connsiteX0" fmla="*/ 460418 w 911967"/>
                  <a:gd name="connsiteY0" fmla="*/ 158901 h 1531428"/>
                  <a:gd name="connsiteX1" fmla="*/ 423244 w 911967"/>
                  <a:gd name="connsiteY1" fmla="*/ 481637 h 1531428"/>
                  <a:gd name="connsiteX2" fmla="*/ 503279 w 911967"/>
                  <a:gd name="connsiteY2" fmla="*/ 887564 h 1531428"/>
                  <a:gd name="connsiteX3" fmla="*/ 860467 w 911967"/>
                  <a:gd name="connsiteY3" fmla="*/ 1087588 h 1531428"/>
                  <a:gd name="connsiteX4" fmla="*/ 769242 w 911967"/>
                  <a:gd name="connsiteY4" fmla="*/ 1526368 h 1531428"/>
                  <a:gd name="connsiteX5" fmla="*/ 683515 w 911967"/>
                  <a:gd name="connsiteY5" fmla="*/ 1269192 h 1531428"/>
                  <a:gd name="connsiteX6" fmla="*/ 574717 w 911967"/>
                  <a:gd name="connsiteY6" fmla="*/ 1130453 h 1531428"/>
                  <a:gd name="connsiteX7" fmla="*/ 346116 w 911967"/>
                  <a:gd name="connsiteY7" fmla="*/ 959001 h 1531428"/>
                  <a:gd name="connsiteX8" fmla="*/ 231817 w 911967"/>
                  <a:gd name="connsiteY8" fmla="*/ 744689 h 1531428"/>
                  <a:gd name="connsiteX9" fmla="*/ 3217 w 911967"/>
                  <a:gd name="connsiteY9" fmla="*/ 330353 h 1531428"/>
                  <a:gd name="connsiteX10" fmla="*/ 434694 w 911967"/>
                  <a:gd name="connsiteY10" fmla="*/ 16 h 1531428"/>
                  <a:gd name="connsiteX0" fmla="*/ 460418 w 911967"/>
                  <a:gd name="connsiteY0" fmla="*/ 158901 h 1531428"/>
                  <a:gd name="connsiteX1" fmla="*/ 423244 w 911967"/>
                  <a:gd name="connsiteY1" fmla="*/ 481637 h 1531428"/>
                  <a:gd name="connsiteX2" fmla="*/ 503279 w 911967"/>
                  <a:gd name="connsiteY2" fmla="*/ 887564 h 1531428"/>
                  <a:gd name="connsiteX3" fmla="*/ 860467 w 911967"/>
                  <a:gd name="connsiteY3" fmla="*/ 1087588 h 1531428"/>
                  <a:gd name="connsiteX4" fmla="*/ 769242 w 911967"/>
                  <a:gd name="connsiteY4" fmla="*/ 1526368 h 1531428"/>
                  <a:gd name="connsiteX5" fmla="*/ 683515 w 911967"/>
                  <a:gd name="connsiteY5" fmla="*/ 1269192 h 1531428"/>
                  <a:gd name="connsiteX6" fmla="*/ 574717 w 911967"/>
                  <a:gd name="connsiteY6" fmla="*/ 1130453 h 1531428"/>
                  <a:gd name="connsiteX7" fmla="*/ 346116 w 911967"/>
                  <a:gd name="connsiteY7" fmla="*/ 959001 h 1531428"/>
                  <a:gd name="connsiteX8" fmla="*/ 231817 w 911967"/>
                  <a:gd name="connsiteY8" fmla="*/ 744689 h 1531428"/>
                  <a:gd name="connsiteX9" fmla="*/ 3217 w 911967"/>
                  <a:gd name="connsiteY9" fmla="*/ 330353 h 1531428"/>
                  <a:gd name="connsiteX10" fmla="*/ 434694 w 911967"/>
                  <a:gd name="connsiteY10" fmla="*/ 16 h 1531428"/>
                  <a:gd name="connsiteX0" fmla="*/ 460418 w 899881"/>
                  <a:gd name="connsiteY0" fmla="*/ 158901 h 1531428"/>
                  <a:gd name="connsiteX1" fmla="*/ 423244 w 899881"/>
                  <a:gd name="connsiteY1" fmla="*/ 481637 h 1531428"/>
                  <a:gd name="connsiteX2" fmla="*/ 503279 w 899881"/>
                  <a:gd name="connsiteY2" fmla="*/ 887564 h 1531428"/>
                  <a:gd name="connsiteX3" fmla="*/ 860467 w 899881"/>
                  <a:gd name="connsiteY3" fmla="*/ 1087588 h 1531428"/>
                  <a:gd name="connsiteX4" fmla="*/ 769242 w 899881"/>
                  <a:gd name="connsiteY4" fmla="*/ 1526368 h 1531428"/>
                  <a:gd name="connsiteX5" fmla="*/ 683515 w 899881"/>
                  <a:gd name="connsiteY5" fmla="*/ 1269192 h 1531428"/>
                  <a:gd name="connsiteX6" fmla="*/ 574717 w 899881"/>
                  <a:gd name="connsiteY6" fmla="*/ 1130453 h 1531428"/>
                  <a:gd name="connsiteX7" fmla="*/ 346116 w 899881"/>
                  <a:gd name="connsiteY7" fmla="*/ 959001 h 1531428"/>
                  <a:gd name="connsiteX8" fmla="*/ 231817 w 899881"/>
                  <a:gd name="connsiteY8" fmla="*/ 744689 h 1531428"/>
                  <a:gd name="connsiteX9" fmla="*/ 3217 w 899881"/>
                  <a:gd name="connsiteY9" fmla="*/ 330353 h 1531428"/>
                  <a:gd name="connsiteX10" fmla="*/ 434694 w 899881"/>
                  <a:gd name="connsiteY10" fmla="*/ 16 h 1531428"/>
                  <a:gd name="connsiteX0" fmla="*/ 460418 w 888071"/>
                  <a:gd name="connsiteY0" fmla="*/ 158901 h 1531428"/>
                  <a:gd name="connsiteX1" fmla="*/ 423244 w 888071"/>
                  <a:gd name="connsiteY1" fmla="*/ 481637 h 1531428"/>
                  <a:gd name="connsiteX2" fmla="*/ 503279 w 888071"/>
                  <a:gd name="connsiteY2" fmla="*/ 887564 h 1531428"/>
                  <a:gd name="connsiteX3" fmla="*/ 860467 w 888071"/>
                  <a:gd name="connsiteY3" fmla="*/ 1087588 h 1531428"/>
                  <a:gd name="connsiteX4" fmla="*/ 769242 w 888071"/>
                  <a:gd name="connsiteY4" fmla="*/ 1526368 h 1531428"/>
                  <a:gd name="connsiteX5" fmla="*/ 683515 w 888071"/>
                  <a:gd name="connsiteY5" fmla="*/ 1269192 h 1531428"/>
                  <a:gd name="connsiteX6" fmla="*/ 574717 w 888071"/>
                  <a:gd name="connsiteY6" fmla="*/ 1130453 h 1531428"/>
                  <a:gd name="connsiteX7" fmla="*/ 346116 w 888071"/>
                  <a:gd name="connsiteY7" fmla="*/ 959001 h 1531428"/>
                  <a:gd name="connsiteX8" fmla="*/ 231817 w 888071"/>
                  <a:gd name="connsiteY8" fmla="*/ 744689 h 1531428"/>
                  <a:gd name="connsiteX9" fmla="*/ 3217 w 888071"/>
                  <a:gd name="connsiteY9" fmla="*/ 330353 h 1531428"/>
                  <a:gd name="connsiteX10" fmla="*/ 434694 w 888071"/>
                  <a:gd name="connsiteY10" fmla="*/ 16 h 1531428"/>
                  <a:gd name="connsiteX0" fmla="*/ 460418 w 913354"/>
                  <a:gd name="connsiteY0" fmla="*/ 158901 h 1531428"/>
                  <a:gd name="connsiteX1" fmla="*/ 423244 w 913354"/>
                  <a:gd name="connsiteY1" fmla="*/ 481637 h 1531428"/>
                  <a:gd name="connsiteX2" fmla="*/ 503279 w 913354"/>
                  <a:gd name="connsiteY2" fmla="*/ 887564 h 1531428"/>
                  <a:gd name="connsiteX3" fmla="*/ 889042 w 913354"/>
                  <a:gd name="connsiteY3" fmla="*/ 1173313 h 1531428"/>
                  <a:gd name="connsiteX4" fmla="*/ 769242 w 913354"/>
                  <a:gd name="connsiteY4" fmla="*/ 1526368 h 1531428"/>
                  <a:gd name="connsiteX5" fmla="*/ 683515 w 913354"/>
                  <a:gd name="connsiteY5" fmla="*/ 1269192 h 1531428"/>
                  <a:gd name="connsiteX6" fmla="*/ 574717 w 913354"/>
                  <a:gd name="connsiteY6" fmla="*/ 1130453 h 1531428"/>
                  <a:gd name="connsiteX7" fmla="*/ 346116 w 913354"/>
                  <a:gd name="connsiteY7" fmla="*/ 959001 h 1531428"/>
                  <a:gd name="connsiteX8" fmla="*/ 231817 w 913354"/>
                  <a:gd name="connsiteY8" fmla="*/ 744689 h 1531428"/>
                  <a:gd name="connsiteX9" fmla="*/ 3217 w 913354"/>
                  <a:gd name="connsiteY9" fmla="*/ 330353 h 1531428"/>
                  <a:gd name="connsiteX10" fmla="*/ 434694 w 913354"/>
                  <a:gd name="connsiteY10" fmla="*/ 16 h 1531428"/>
                  <a:gd name="connsiteX0" fmla="*/ 460418 w 912914"/>
                  <a:gd name="connsiteY0" fmla="*/ 158901 h 1532106"/>
                  <a:gd name="connsiteX1" fmla="*/ 423244 w 912914"/>
                  <a:gd name="connsiteY1" fmla="*/ 481637 h 1532106"/>
                  <a:gd name="connsiteX2" fmla="*/ 503279 w 912914"/>
                  <a:gd name="connsiteY2" fmla="*/ 887564 h 1532106"/>
                  <a:gd name="connsiteX3" fmla="*/ 889042 w 912914"/>
                  <a:gd name="connsiteY3" fmla="*/ 1173313 h 1532106"/>
                  <a:gd name="connsiteX4" fmla="*/ 769242 w 912914"/>
                  <a:gd name="connsiteY4" fmla="*/ 1526368 h 1532106"/>
                  <a:gd name="connsiteX5" fmla="*/ 712090 w 912914"/>
                  <a:gd name="connsiteY5" fmla="*/ 1383492 h 1532106"/>
                  <a:gd name="connsiteX6" fmla="*/ 683515 w 912914"/>
                  <a:gd name="connsiteY6" fmla="*/ 1269192 h 1532106"/>
                  <a:gd name="connsiteX7" fmla="*/ 574717 w 912914"/>
                  <a:gd name="connsiteY7" fmla="*/ 1130453 h 1532106"/>
                  <a:gd name="connsiteX8" fmla="*/ 346116 w 912914"/>
                  <a:gd name="connsiteY8" fmla="*/ 959001 h 1532106"/>
                  <a:gd name="connsiteX9" fmla="*/ 231817 w 912914"/>
                  <a:gd name="connsiteY9" fmla="*/ 744689 h 1532106"/>
                  <a:gd name="connsiteX10" fmla="*/ 3217 w 912914"/>
                  <a:gd name="connsiteY10" fmla="*/ 330353 h 1532106"/>
                  <a:gd name="connsiteX11" fmla="*/ 434694 w 912914"/>
                  <a:gd name="connsiteY11" fmla="*/ 16 h 1532106"/>
                  <a:gd name="connsiteX0" fmla="*/ 460418 w 912914"/>
                  <a:gd name="connsiteY0" fmla="*/ 158901 h 1532106"/>
                  <a:gd name="connsiteX1" fmla="*/ 423244 w 912914"/>
                  <a:gd name="connsiteY1" fmla="*/ 481637 h 1532106"/>
                  <a:gd name="connsiteX2" fmla="*/ 503279 w 912914"/>
                  <a:gd name="connsiteY2" fmla="*/ 887564 h 1532106"/>
                  <a:gd name="connsiteX3" fmla="*/ 889042 w 912914"/>
                  <a:gd name="connsiteY3" fmla="*/ 1173313 h 1532106"/>
                  <a:gd name="connsiteX4" fmla="*/ 769242 w 912914"/>
                  <a:gd name="connsiteY4" fmla="*/ 1526368 h 1532106"/>
                  <a:gd name="connsiteX5" fmla="*/ 554927 w 912914"/>
                  <a:gd name="connsiteY5" fmla="*/ 1383492 h 1532106"/>
                  <a:gd name="connsiteX6" fmla="*/ 683515 w 912914"/>
                  <a:gd name="connsiteY6" fmla="*/ 1269192 h 1532106"/>
                  <a:gd name="connsiteX7" fmla="*/ 574717 w 912914"/>
                  <a:gd name="connsiteY7" fmla="*/ 1130453 h 1532106"/>
                  <a:gd name="connsiteX8" fmla="*/ 346116 w 912914"/>
                  <a:gd name="connsiteY8" fmla="*/ 959001 h 1532106"/>
                  <a:gd name="connsiteX9" fmla="*/ 231817 w 912914"/>
                  <a:gd name="connsiteY9" fmla="*/ 744689 h 1532106"/>
                  <a:gd name="connsiteX10" fmla="*/ 3217 w 912914"/>
                  <a:gd name="connsiteY10" fmla="*/ 330353 h 1532106"/>
                  <a:gd name="connsiteX11" fmla="*/ 434694 w 912914"/>
                  <a:gd name="connsiteY11" fmla="*/ 16 h 1532106"/>
                  <a:gd name="connsiteX0" fmla="*/ 460418 w 912914"/>
                  <a:gd name="connsiteY0" fmla="*/ 158901 h 1532106"/>
                  <a:gd name="connsiteX1" fmla="*/ 423244 w 912914"/>
                  <a:gd name="connsiteY1" fmla="*/ 481637 h 1532106"/>
                  <a:gd name="connsiteX2" fmla="*/ 503279 w 912914"/>
                  <a:gd name="connsiteY2" fmla="*/ 887564 h 1532106"/>
                  <a:gd name="connsiteX3" fmla="*/ 889042 w 912914"/>
                  <a:gd name="connsiteY3" fmla="*/ 1173313 h 1532106"/>
                  <a:gd name="connsiteX4" fmla="*/ 769242 w 912914"/>
                  <a:gd name="connsiteY4" fmla="*/ 1526368 h 1532106"/>
                  <a:gd name="connsiteX5" fmla="*/ 554927 w 912914"/>
                  <a:gd name="connsiteY5" fmla="*/ 1383492 h 1532106"/>
                  <a:gd name="connsiteX6" fmla="*/ 683515 w 912914"/>
                  <a:gd name="connsiteY6" fmla="*/ 1269192 h 1532106"/>
                  <a:gd name="connsiteX7" fmla="*/ 446130 w 912914"/>
                  <a:gd name="connsiteY7" fmla="*/ 1187603 h 1532106"/>
                  <a:gd name="connsiteX8" fmla="*/ 346116 w 912914"/>
                  <a:gd name="connsiteY8" fmla="*/ 959001 h 1532106"/>
                  <a:gd name="connsiteX9" fmla="*/ 231817 w 912914"/>
                  <a:gd name="connsiteY9" fmla="*/ 744689 h 1532106"/>
                  <a:gd name="connsiteX10" fmla="*/ 3217 w 912914"/>
                  <a:gd name="connsiteY10" fmla="*/ 330353 h 1532106"/>
                  <a:gd name="connsiteX11" fmla="*/ 434694 w 912914"/>
                  <a:gd name="connsiteY11" fmla="*/ 16 h 1532106"/>
                  <a:gd name="connsiteX0" fmla="*/ 460418 w 912914"/>
                  <a:gd name="connsiteY0" fmla="*/ 158901 h 1532106"/>
                  <a:gd name="connsiteX1" fmla="*/ 423244 w 912914"/>
                  <a:gd name="connsiteY1" fmla="*/ 481637 h 1532106"/>
                  <a:gd name="connsiteX2" fmla="*/ 503279 w 912914"/>
                  <a:gd name="connsiteY2" fmla="*/ 887564 h 1532106"/>
                  <a:gd name="connsiteX3" fmla="*/ 889042 w 912914"/>
                  <a:gd name="connsiteY3" fmla="*/ 1173313 h 1532106"/>
                  <a:gd name="connsiteX4" fmla="*/ 769242 w 912914"/>
                  <a:gd name="connsiteY4" fmla="*/ 1526368 h 1532106"/>
                  <a:gd name="connsiteX5" fmla="*/ 554927 w 912914"/>
                  <a:gd name="connsiteY5" fmla="*/ 1383492 h 1532106"/>
                  <a:gd name="connsiteX6" fmla="*/ 683515 w 912914"/>
                  <a:gd name="connsiteY6" fmla="*/ 1269192 h 1532106"/>
                  <a:gd name="connsiteX7" fmla="*/ 546143 w 912914"/>
                  <a:gd name="connsiteY7" fmla="*/ 1087591 h 1532106"/>
                  <a:gd name="connsiteX8" fmla="*/ 346116 w 912914"/>
                  <a:gd name="connsiteY8" fmla="*/ 959001 h 1532106"/>
                  <a:gd name="connsiteX9" fmla="*/ 231817 w 912914"/>
                  <a:gd name="connsiteY9" fmla="*/ 744689 h 1532106"/>
                  <a:gd name="connsiteX10" fmla="*/ 3217 w 912914"/>
                  <a:gd name="connsiteY10" fmla="*/ 330353 h 1532106"/>
                  <a:gd name="connsiteX11" fmla="*/ 434694 w 912914"/>
                  <a:gd name="connsiteY11" fmla="*/ 16 h 1532106"/>
                  <a:gd name="connsiteX0" fmla="*/ 460418 w 914521"/>
                  <a:gd name="connsiteY0" fmla="*/ 158901 h 1541788"/>
                  <a:gd name="connsiteX1" fmla="*/ 423244 w 914521"/>
                  <a:gd name="connsiteY1" fmla="*/ 481637 h 1541788"/>
                  <a:gd name="connsiteX2" fmla="*/ 503279 w 914521"/>
                  <a:gd name="connsiteY2" fmla="*/ 887564 h 1541788"/>
                  <a:gd name="connsiteX3" fmla="*/ 889042 w 914521"/>
                  <a:gd name="connsiteY3" fmla="*/ 1173313 h 1541788"/>
                  <a:gd name="connsiteX4" fmla="*/ 769242 w 914521"/>
                  <a:gd name="connsiteY4" fmla="*/ 1526368 h 1541788"/>
                  <a:gd name="connsiteX5" fmla="*/ 612078 w 914521"/>
                  <a:gd name="connsiteY5" fmla="*/ 1469217 h 1541788"/>
                  <a:gd name="connsiteX6" fmla="*/ 554927 w 914521"/>
                  <a:gd name="connsiteY6" fmla="*/ 1383492 h 1541788"/>
                  <a:gd name="connsiteX7" fmla="*/ 683515 w 914521"/>
                  <a:gd name="connsiteY7" fmla="*/ 1269192 h 1541788"/>
                  <a:gd name="connsiteX8" fmla="*/ 546143 w 914521"/>
                  <a:gd name="connsiteY8" fmla="*/ 1087591 h 1541788"/>
                  <a:gd name="connsiteX9" fmla="*/ 346116 w 914521"/>
                  <a:gd name="connsiteY9" fmla="*/ 959001 h 1541788"/>
                  <a:gd name="connsiteX10" fmla="*/ 231817 w 914521"/>
                  <a:gd name="connsiteY10" fmla="*/ 744689 h 1541788"/>
                  <a:gd name="connsiteX11" fmla="*/ 3217 w 914521"/>
                  <a:gd name="connsiteY11" fmla="*/ 330353 h 1541788"/>
                  <a:gd name="connsiteX12" fmla="*/ 434694 w 914521"/>
                  <a:gd name="connsiteY12" fmla="*/ 16 h 1541788"/>
                  <a:gd name="connsiteX0" fmla="*/ 460418 w 914521"/>
                  <a:gd name="connsiteY0" fmla="*/ 158901 h 1536826"/>
                  <a:gd name="connsiteX1" fmla="*/ 423244 w 914521"/>
                  <a:gd name="connsiteY1" fmla="*/ 481637 h 1536826"/>
                  <a:gd name="connsiteX2" fmla="*/ 503279 w 914521"/>
                  <a:gd name="connsiteY2" fmla="*/ 887564 h 1536826"/>
                  <a:gd name="connsiteX3" fmla="*/ 889042 w 914521"/>
                  <a:gd name="connsiteY3" fmla="*/ 1173313 h 1536826"/>
                  <a:gd name="connsiteX4" fmla="*/ 769242 w 914521"/>
                  <a:gd name="connsiteY4" fmla="*/ 1526368 h 1536826"/>
                  <a:gd name="connsiteX5" fmla="*/ 712090 w 914521"/>
                  <a:gd name="connsiteY5" fmla="*/ 1412067 h 1536826"/>
                  <a:gd name="connsiteX6" fmla="*/ 554927 w 914521"/>
                  <a:gd name="connsiteY6" fmla="*/ 1383492 h 1536826"/>
                  <a:gd name="connsiteX7" fmla="*/ 683515 w 914521"/>
                  <a:gd name="connsiteY7" fmla="*/ 1269192 h 1536826"/>
                  <a:gd name="connsiteX8" fmla="*/ 546143 w 914521"/>
                  <a:gd name="connsiteY8" fmla="*/ 1087591 h 1536826"/>
                  <a:gd name="connsiteX9" fmla="*/ 346116 w 914521"/>
                  <a:gd name="connsiteY9" fmla="*/ 959001 h 1536826"/>
                  <a:gd name="connsiteX10" fmla="*/ 231817 w 914521"/>
                  <a:gd name="connsiteY10" fmla="*/ 744689 h 1536826"/>
                  <a:gd name="connsiteX11" fmla="*/ 3217 w 914521"/>
                  <a:gd name="connsiteY11" fmla="*/ 330353 h 1536826"/>
                  <a:gd name="connsiteX12" fmla="*/ 434694 w 914521"/>
                  <a:gd name="connsiteY12" fmla="*/ 16 h 1536826"/>
                  <a:gd name="connsiteX0" fmla="*/ 460418 w 914521"/>
                  <a:gd name="connsiteY0" fmla="*/ 158901 h 1536826"/>
                  <a:gd name="connsiteX1" fmla="*/ 423244 w 914521"/>
                  <a:gd name="connsiteY1" fmla="*/ 481637 h 1536826"/>
                  <a:gd name="connsiteX2" fmla="*/ 503279 w 914521"/>
                  <a:gd name="connsiteY2" fmla="*/ 887564 h 1536826"/>
                  <a:gd name="connsiteX3" fmla="*/ 889042 w 914521"/>
                  <a:gd name="connsiteY3" fmla="*/ 1173313 h 1536826"/>
                  <a:gd name="connsiteX4" fmla="*/ 769242 w 914521"/>
                  <a:gd name="connsiteY4" fmla="*/ 1526368 h 1536826"/>
                  <a:gd name="connsiteX5" fmla="*/ 712090 w 914521"/>
                  <a:gd name="connsiteY5" fmla="*/ 1412067 h 1536826"/>
                  <a:gd name="connsiteX6" fmla="*/ 554927 w 914521"/>
                  <a:gd name="connsiteY6" fmla="*/ 1383492 h 1536826"/>
                  <a:gd name="connsiteX7" fmla="*/ 683515 w 914521"/>
                  <a:gd name="connsiteY7" fmla="*/ 1269192 h 1536826"/>
                  <a:gd name="connsiteX8" fmla="*/ 546143 w 914521"/>
                  <a:gd name="connsiteY8" fmla="*/ 1087591 h 1536826"/>
                  <a:gd name="connsiteX9" fmla="*/ 346116 w 914521"/>
                  <a:gd name="connsiteY9" fmla="*/ 959001 h 1536826"/>
                  <a:gd name="connsiteX10" fmla="*/ 231817 w 914521"/>
                  <a:gd name="connsiteY10" fmla="*/ 744689 h 1536826"/>
                  <a:gd name="connsiteX11" fmla="*/ 3217 w 914521"/>
                  <a:gd name="connsiteY11" fmla="*/ 330353 h 1536826"/>
                  <a:gd name="connsiteX12" fmla="*/ 434694 w 914521"/>
                  <a:gd name="connsiteY12" fmla="*/ 16 h 1536826"/>
                  <a:gd name="connsiteX0" fmla="*/ 460418 w 897287"/>
                  <a:gd name="connsiteY0" fmla="*/ 158901 h 1536826"/>
                  <a:gd name="connsiteX1" fmla="*/ 423244 w 897287"/>
                  <a:gd name="connsiteY1" fmla="*/ 481637 h 1536826"/>
                  <a:gd name="connsiteX2" fmla="*/ 531854 w 897287"/>
                  <a:gd name="connsiteY2" fmla="*/ 830414 h 1536826"/>
                  <a:gd name="connsiteX3" fmla="*/ 889042 w 897287"/>
                  <a:gd name="connsiteY3" fmla="*/ 1173313 h 1536826"/>
                  <a:gd name="connsiteX4" fmla="*/ 769242 w 897287"/>
                  <a:gd name="connsiteY4" fmla="*/ 1526368 h 1536826"/>
                  <a:gd name="connsiteX5" fmla="*/ 712090 w 897287"/>
                  <a:gd name="connsiteY5" fmla="*/ 1412067 h 1536826"/>
                  <a:gd name="connsiteX6" fmla="*/ 554927 w 897287"/>
                  <a:gd name="connsiteY6" fmla="*/ 1383492 h 1536826"/>
                  <a:gd name="connsiteX7" fmla="*/ 683515 w 897287"/>
                  <a:gd name="connsiteY7" fmla="*/ 1269192 h 1536826"/>
                  <a:gd name="connsiteX8" fmla="*/ 546143 w 897287"/>
                  <a:gd name="connsiteY8" fmla="*/ 1087591 h 1536826"/>
                  <a:gd name="connsiteX9" fmla="*/ 346116 w 897287"/>
                  <a:gd name="connsiteY9" fmla="*/ 959001 h 1536826"/>
                  <a:gd name="connsiteX10" fmla="*/ 231817 w 897287"/>
                  <a:gd name="connsiteY10" fmla="*/ 744689 h 1536826"/>
                  <a:gd name="connsiteX11" fmla="*/ 3217 w 897287"/>
                  <a:gd name="connsiteY11" fmla="*/ 330353 h 1536826"/>
                  <a:gd name="connsiteX12" fmla="*/ 434694 w 897287"/>
                  <a:gd name="connsiteY12" fmla="*/ 16 h 1536826"/>
                  <a:gd name="connsiteX0" fmla="*/ 460418 w 924504"/>
                  <a:gd name="connsiteY0" fmla="*/ 158901 h 1536826"/>
                  <a:gd name="connsiteX1" fmla="*/ 423244 w 924504"/>
                  <a:gd name="connsiteY1" fmla="*/ 481637 h 1536826"/>
                  <a:gd name="connsiteX2" fmla="*/ 531854 w 924504"/>
                  <a:gd name="connsiteY2" fmla="*/ 830414 h 1536826"/>
                  <a:gd name="connsiteX3" fmla="*/ 917617 w 924504"/>
                  <a:gd name="connsiteY3" fmla="*/ 1187600 h 1536826"/>
                  <a:gd name="connsiteX4" fmla="*/ 769242 w 924504"/>
                  <a:gd name="connsiteY4" fmla="*/ 1526368 h 1536826"/>
                  <a:gd name="connsiteX5" fmla="*/ 712090 w 924504"/>
                  <a:gd name="connsiteY5" fmla="*/ 1412067 h 1536826"/>
                  <a:gd name="connsiteX6" fmla="*/ 554927 w 924504"/>
                  <a:gd name="connsiteY6" fmla="*/ 1383492 h 1536826"/>
                  <a:gd name="connsiteX7" fmla="*/ 683515 w 924504"/>
                  <a:gd name="connsiteY7" fmla="*/ 1269192 h 1536826"/>
                  <a:gd name="connsiteX8" fmla="*/ 546143 w 924504"/>
                  <a:gd name="connsiteY8" fmla="*/ 1087591 h 1536826"/>
                  <a:gd name="connsiteX9" fmla="*/ 346116 w 924504"/>
                  <a:gd name="connsiteY9" fmla="*/ 959001 h 1536826"/>
                  <a:gd name="connsiteX10" fmla="*/ 231817 w 924504"/>
                  <a:gd name="connsiteY10" fmla="*/ 744689 h 1536826"/>
                  <a:gd name="connsiteX11" fmla="*/ 3217 w 924504"/>
                  <a:gd name="connsiteY11" fmla="*/ 330353 h 1536826"/>
                  <a:gd name="connsiteX12" fmla="*/ 434694 w 924504"/>
                  <a:gd name="connsiteY12" fmla="*/ 16 h 1536826"/>
                  <a:gd name="connsiteX0" fmla="*/ 460418 w 917770"/>
                  <a:gd name="connsiteY0" fmla="*/ 158901 h 1536826"/>
                  <a:gd name="connsiteX1" fmla="*/ 423244 w 917770"/>
                  <a:gd name="connsiteY1" fmla="*/ 481637 h 1536826"/>
                  <a:gd name="connsiteX2" fmla="*/ 531854 w 917770"/>
                  <a:gd name="connsiteY2" fmla="*/ 830414 h 1536826"/>
                  <a:gd name="connsiteX3" fmla="*/ 740664 w 917770"/>
                  <a:gd name="connsiteY3" fmla="*/ 1012017 h 1536826"/>
                  <a:gd name="connsiteX4" fmla="*/ 917617 w 917770"/>
                  <a:gd name="connsiteY4" fmla="*/ 1187600 h 1536826"/>
                  <a:gd name="connsiteX5" fmla="*/ 769242 w 917770"/>
                  <a:gd name="connsiteY5" fmla="*/ 1526368 h 1536826"/>
                  <a:gd name="connsiteX6" fmla="*/ 712090 w 917770"/>
                  <a:gd name="connsiteY6" fmla="*/ 1412067 h 1536826"/>
                  <a:gd name="connsiteX7" fmla="*/ 554927 w 917770"/>
                  <a:gd name="connsiteY7" fmla="*/ 1383492 h 1536826"/>
                  <a:gd name="connsiteX8" fmla="*/ 683515 w 917770"/>
                  <a:gd name="connsiteY8" fmla="*/ 1269192 h 1536826"/>
                  <a:gd name="connsiteX9" fmla="*/ 546143 w 917770"/>
                  <a:gd name="connsiteY9" fmla="*/ 1087591 h 1536826"/>
                  <a:gd name="connsiteX10" fmla="*/ 346116 w 917770"/>
                  <a:gd name="connsiteY10" fmla="*/ 959001 h 1536826"/>
                  <a:gd name="connsiteX11" fmla="*/ 231817 w 917770"/>
                  <a:gd name="connsiteY11" fmla="*/ 744689 h 1536826"/>
                  <a:gd name="connsiteX12" fmla="*/ 3217 w 917770"/>
                  <a:gd name="connsiteY12" fmla="*/ 330353 h 1536826"/>
                  <a:gd name="connsiteX13" fmla="*/ 434694 w 917770"/>
                  <a:gd name="connsiteY13" fmla="*/ 16 h 1536826"/>
                  <a:gd name="connsiteX0" fmla="*/ 460418 w 917770"/>
                  <a:gd name="connsiteY0" fmla="*/ 158901 h 1536826"/>
                  <a:gd name="connsiteX1" fmla="*/ 423244 w 917770"/>
                  <a:gd name="connsiteY1" fmla="*/ 481637 h 1536826"/>
                  <a:gd name="connsiteX2" fmla="*/ 531854 w 917770"/>
                  <a:gd name="connsiteY2" fmla="*/ 830414 h 1536826"/>
                  <a:gd name="connsiteX3" fmla="*/ 740664 w 917770"/>
                  <a:gd name="connsiteY3" fmla="*/ 1012017 h 1536826"/>
                  <a:gd name="connsiteX4" fmla="*/ 917617 w 917770"/>
                  <a:gd name="connsiteY4" fmla="*/ 1187600 h 1536826"/>
                  <a:gd name="connsiteX5" fmla="*/ 769242 w 917770"/>
                  <a:gd name="connsiteY5" fmla="*/ 1526368 h 1536826"/>
                  <a:gd name="connsiteX6" fmla="*/ 712090 w 917770"/>
                  <a:gd name="connsiteY6" fmla="*/ 1412067 h 1536826"/>
                  <a:gd name="connsiteX7" fmla="*/ 554927 w 917770"/>
                  <a:gd name="connsiteY7" fmla="*/ 1383492 h 1536826"/>
                  <a:gd name="connsiteX8" fmla="*/ 683515 w 917770"/>
                  <a:gd name="connsiteY8" fmla="*/ 1269192 h 1536826"/>
                  <a:gd name="connsiteX9" fmla="*/ 546143 w 917770"/>
                  <a:gd name="connsiteY9" fmla="*/ 1087591 h 1536826"/>
                  <a:gd name="connsiteX10" fmla="*/ 346116 w 917770"/>
                  <a:gd name="connsiteY10" fmla="*/ 959001 h 1536826"/>
                  <a:gd name="connsiteX11" fmla="*/ 231817 w 917770"/>
                  <a:gd name="connsiteY11" fmla="*/ 744689 h 1536826"/>
                  <a:gd name="connsiteX12" fmla="*/ 3217 w 917770"/>
                  <a:gd name="connsiteY12" fmla="*/ 330353 h 1536826"/>
                  <a:gd name="connsiteX13" fmla="*/ 434694 w 917770"/>
                  <a:gd name="connsiteY13" fmla="*/ 16 h 1536826"/>
                  <a:gd name="connsiteX0" fmla="*/ 460418 w 917770"/>
                  <a:gd name="connsiteY0" fmla="*/ 158901 h 1536826"/>
                  <a:gd name="connsiteX1" fmla="*/ 423244 w 917770"/>
                  <a:gd name="connsiteY1" fmla="*/ 481637 h 1536826"/>
                  <a:gd name="connsiteX2" fmla="*/ 531854 w 917770"/>
                  <a:gd name="connsiteY2" fmla="*/ 830414 h 1536826"/>
                  <a:gd name="connsiteX3" fmla="*/ 740664 w 917770"/>
                  <a:gd name="connsiteY3" fmla="*/ 1012017 h 1536826"/>
                  <a:gd name="connsiteX4" fmla="*/ 917617 w 917770"/>
                  <a:gd name="connsiteY4" fmla="*/ 1187600 h 1536826"/>
                  <a:gd name="connsiteX5" fmla="*/ 769242 w 917770"/>
                  <a:gd name="connsiteY5" fmla="*/ 1526368 h 1536826"/>
                  <a:gd name="connsiteX6" fmla="*/ 712090 w 917770"/>
                  <a:gd name="connsiteY6" fmla="*/ 1412067 h 1536826"/>
                  <a:gd name="connsiteX7" fmla="*/ 554927 w 917770"/>
                  <a:gd name="connsiteY7" fmla="*/ 1383492 h 1536826"/>
                  <a:gd name="connsiteX8" fmla="*/ 683515 w 917770"/>
                  <a:gd name="connsiteY8" fmla="*/ 1269192 h 1536826"/>
                  <a:gd name="connsiteX9" fmla="*/ 546143 w 917770"/>
                  <a:gd name="connsiteY9" fmla="*/ 1087591 h 1536826"/>
                  <a:gd name="connsiteX10" fmla="*/ 346116 w 917770"/>
                  <a:gd name="connsiteY10" fmla="*/ 959001 h 1536826"/>
                  <a:gd name="connsiteX11" fmla="*/ 231817 w 917770"/>
                  <a:gd name="connsiteY11" fmla="*/ 744689 h 1536826"/>
                  <a:gd name="connsiteX12" fmla="*/ 3217 w 917770"/>
                  <a:gd name="connsiteY12" fmla="*/ 330353 h 1536826"/>
                  <a:gd name="connsiteX13" fmla="*/ 434694 w 917770"/>
                  <a:gd name="connsiteY13" fmla="*/ 16 h 1536826"/>
                  <a:gd name="connsiteX0" fmla="*/ 460418 w 917770"/>
                  <a:gd name="connsiteY0" fmla="*/ 158901 h 1536826"/>
                  <a:gd name="connsiteX1" fmla="*/ 423244 w 917770"/>
                  <a:gd name="connsiteY1" fmla="*/ 481637 h 1536826"/>
                  <a:gd name="connsiteX2" fmla="*/ 531854 w 917770"/>
                  <a:gd name="connsiteY2" fmla="*/ 830414 h 1536826"/>
                  <a:gd name="connsiteX3" fmla="*/ 726377 w 917770"/>
                  <a:gd name="connsiteY3" fmla="*/ 1026304 h 1536826"/>
                  <a:gd name="connsiteX4" fmla="*/ 740664 w 917770"/>
                  <a:gd name="connsiteY4" fmla="*/ 1012017 h 1536826"/>
                  <a:gd name="connsiteX5" fmla="*/ 917617 w 917770"/>
                  <a:gd name="connsiteY5" fmla="*/ 1187600 h 1536826"/>
                  <a:gd name="connsiteX6" fmla="*/ 769242 w 917770"/>
                  <a:gd name="connsiteY6" fmla="*/ 1526368 h 1536826"/>
                  <a:gd name="connsiteX7" fmla="*/ 712090 w 917770"/>
                  <a:gd name="connsiteY7" fmla="*/ 1412067 h 1536826"/>
                  <a:gd name="connsiteX8" fmla="*/ 554927 w 917770"/>
                  <a:gd name="connsiteY8" fmla="*/ 1383492 h 1536826"/>
                  <a:gd name="connsiteX9" fmla="*/ 683515 w 917770"/>
                  <a:gd name="connsiteY9" fmla="*/ 1269192 h 1536826"/>
                  <a:gd name="connsiteX10" fmla="*/ 546143 w 917770"/>
                  <a:gd name="connsiteY10" fmla="*/ 1087591 h 1536826"/>
                  <a:gd name="connsiteX11" fmla="*/ 346116 w 917770"/>
                  <a:gd name="connsiteY11" fmla="*/ 959001 h 1536826"/>
                  <a:gd name="connsiteX12" fmla="*/ 231817 w 917770"/>
                  <a:gd name="connsiteY12" fmla="*/ 744689 h 1536826"/>
                  <a:gd name="connsiteX13" fmla="*/ 3217 w 917770"/>
                  <a:gd name="connsiteY13" fmla="*/ 330353 h 1536826"/>
                  <a:gd name="connsiteX14" fmla="*/ 434694 w 917770"/>
                  <a:gd name="connsiteY14" fmla="*/ 16 h 1536826"/>
                  <a:gd name="connsiteX0" fmla="*/ 460418 w 917770"/>
                  <a:gd name="connsiteY0" fmla="*/ 158901 h 1536826"/>
                  <a:gd name="connsiteX1" fmla="*/ 423244 w 917770"/>
                  <a:gd name="connsiteY1" fmla="*/ 481637 h 1536826"/>
                  <a:gd name="connsiteX2" fmla="*/ 531854 w 917770"/>
                  <a:gd name="connsiteY2" fmla="*/ 830414 h 1536826"/>
                  <a:gd name="connsiteX3" fmla="*/ 726377 w 917770"/>
                  <a:gd name="connsiteY3" fmla="*/ 1026304 h 1536826"/>
                  <a:gd name="connsiteX4" fmla="*/ 740664 w 917770"/>
                  <a:gd name="connsiteY4" fmla="*/ 1012017 h 1536826"/>
                  <a:gd name="connsiteX5" fmla="*/ 917617 w 917770"/>
                  <a:gd name="connsiteY5" fmla="*/ 1187600 h 1536826"/>
                  <a:gd name="connsiteX6" fmla="*/ 769242 w 917770"/>
                  <a:gd name="connsiteY6" fmla="*/ 1526368 h 1536826"/>
                  <a:gd name="connsiteX7" fmla="*/ 712090 w 917770"/>
                  <a:gd name="connsiteY7" fmla="*/ 1412067 h 1536826"/>
                  <a:gd name="connsiteX8" fmla="*/ 554927 w 917770"/>
                  <a:gd name="connsiteY8" fmla="*/ 1383492 h 1536826"/>
                  <a:gd name="connsiteX9" fmla="*/ 683515 w 917770"/>
                  <a:gd name="connsiteY9" fmla="*/ 1269192 h 1536826"/>
                  <a:gd name="connsiteX10" fmla="*/ 546143 w 917770"/>
                  <a:gd name="connsiteY10" fmla="*/ 1087591 h 1536826"/>
                  <a:gd name="connsiteX11" fmla="*/ 346116 w 917770"/>
                  <a:gd name="connsiteY11" fmla="*/ 959001 h 1536826"/>
                  <a:gd name="connsiteX12" fmla="*/ 231817 w 917770"/>
                  <a:gd name="connsiteY12" fmla="*/ 744689 h 1536826"/>
                  <a:gd name="connsiteX13" fmla="*/ 3217 w 917770"/>
                  <a:gd name="connsiteY13" fmla="*/ 330353 h 1536826"/>
                  <a:gd name="connsiteX14" fmla="*/ 434694 w 917770"/>
                  <a:gd name="connsiteY14" fmla="*/ 16 h 1536826"/>
                  <a:gd name="connsiteX0" fmla="*/ 460418 w 921656"/>
                  <a:gd name="connsiteY0" fmla="*/ 158901 h 1536826"/>
                  <a:gd name="connsiteX1" fmla="*/ 423244 w 921656"/>
                  <a:gd name="connsiteY1" fmla="*/ 481637 h 1536826"/>
                  <a:gd name="connsiteX2" fmla="*/ 531854 w 921656"/>
                  <a:gd name="connsiteY2" fmla="*/ 830414 h 1536826"/>
                  <a:gd name="connsiteX3" fmla="*/ 726377 w 921656"/>
                  <a:gd name="connsiteY3" fmla="*/ 1026304 h 1536826"/>
                  <a:gd name="connsiteX4" fmla="*/ 597789 w 921656"/>
                  <a:gd name="connsiteY4" fmla="*/ 926292 h 1536826"/>
                  <a:gd name="connsiteX5" fmla="*/ 917617 w 921656"/>
                  <a:gd name="connsiteY5" fmla="*/ 1187600 h 1536826"/>
                  <a:gd name="connsiteX6" fmla="*/ 769242 w 921656"/>
                  <a:gd name="connsiteY6" fmla="*/ 1526368 h 1536826"/>
                  <a:gd name="connsiteX7" fmla="*/ 712090 w 921656"/>
                  <a:gd name="connsiteY7" fmla="*/ 1412067 h 1536826"/>
                  <a:gd name="connsiteX8" fmla="*/ 554927 w 921656"/>
                  <a:gd name="connsiteY8" fmla="*/ 1383492 h 1536826"/>
                  <a:gd name="connsiteX9" fmla="*/ 683515 w 921656"/>
                  <a:gd name="connsiteY9" fmla="*/ 1269192 h 1536826"/>
                  <a:gd name="connsiteX10" fmla="*/ 546143 w 921656"/>
                  <a:gd name="connsiteY10" fmla="*/ 1087591 h 1536826"/>
                  <a:gd name="connsiteX11" fmla="*/ 346116 w 921656"/>
                  <a:gd name="connsiteY11" fmla="*/ 959001 h 1536826"/>
                  <a:gd name="connsiteX12" fmla="*/ 231817 w 921656"/>
                  <a:gd name="connsiteY12" fmla="*/ 744689 h 1536826"/>
                  <a:gd name="connsiteX13" fmla="*/ 3217 w 921656"/>
                  <a:gd name="connsiteY13" fmla="*/ 330353 h 1536826"/>
                  <a:gd name="connsiteX14" fmla="*/ 434694 w 921656"/>
                  <a:gd name="connsiteY14" fmla="*/ 16 h 1536826"/>
                  <a:gd name="connsiteX0" fmla="*/ 460418 w 922053"/>
                  <a:gd name="connsiteY0" fmla="*/ 158901 h 1531483"/>
                  <a:gd name="connsiteX1" fmla="*/ 423244 w 922053"/>
                  <a:gd name="connsiteY1" fmla="*/ 481637 h 1531483"/>
                  <a:gd name="connsiteX2" fmla="*/ 531854 w 922053"/>
                  <a:gd name="connsiteY2" fmla="*/ 830414 h 1531483"/>
                  <a:gd name="connsiteX3" fmla="*/ 726377 w 922053"/>
                  <a:gd name="connsiteY3" fmla="*/ 1026304 h 1531483"/>
                  <a:gd name="connsiteX4" fmla="*/ 597789 w 922053"/>
                  <a:gd name="connsiteY4" fmla="*/ 926292 h 1531483"/>
                  <a:gd name="connsiteX5" fmla="*/ 917617 w 922053"/>
                  <a:gd name="connsiteY5" fmla="*/ 1187600 h 1531483"/>
                  <a:gd name="connsiteX6" fmla="*/ 769242 w 922053"/>
                  <a:gd name="connsiteY6" fmla="*/ 1526368 h 1531483"/>
                  <a:gd name="connsiteX7" fmla="*/ 554927 w 922053"/>
                  <a:gd name="connsiteY7" fmla="*/ 1383492 h 1531483"/>
                  <a:gd name="connsiteX8" fmla="*/ 683515 w 922053"/>
                  <a:gd name="connsiteY8" fmla="*/ 1269192 h 1531483"/>
                  <a:gd name="connsiteX9" fmla="*/ 546143 w 922053"/>
                  <a:gd name="connsiteY9" fmla="*/ 1087591 h 1531483"/>
                  <a:gd name="connsiteX10" fmla="*/ 346116 w 922053"/>
                  <a:gd name="connsiteY10" fmla="*/ 959001 h 1531483"/>
                  <a:gd name="connsiteX11" fmla="*/ 231817 w 922053"/>
                  <a:gd name="connsiteY11" fmla="*/ 744689 h 1531483"/>
                  <a:gd name="connsiteX12" fmla="*/ 3217 w 922053"/>
                  <a:gd name="connsiteY12" fmla="*/ 330353 h 1531483"/>
                  <a:gd name="connsiteX13" fmla="*/ 434694 w 922053"/>
                  <a:gd name="connsiteY13" fmla="*/ 16 h 1531483"/>
                  <a:gd name="connsiteX0" fmla="*/ 460418 w 922053"/>
                  <a:gd name="connsiteY0" fmla="*/ 158901 h 1531483"/>
                  <a:gd name="connsiteX1" fmla="*/ 423244 w 922053"/>
                  <a:gd name="connsiteY1" fmla="*/ 481637 h 1531483"/>
                  <a:gd name="connsiteX2" fmla="*/ 531854 w 922053"/>
                  <a:gd name="connsiteY2" fmla="*/ 830414 h 1531483"/>
                  <a:gd name="connsiteX3" fmla="*/ 726377 w 922053"/>
                  <a:gd name="connsiteY3" fmla="*/ 1026304 h 1531483"/>
                  <a:gd name="connsiteX4" fmla="*/ 597789 w 922053"/>
                  <a:gd name="connsiteY4" fmla="*/ 926292 h 1531483"/>
                  <a:gd name="connsiteX5" fmla="*/ 917617 w 922053"/>
                  <a:gd name="connsiteY5" fmla="*/ 1187600 h 1531483"/>
                  <a:gd name="connsiteX6" fmla="*/ 769242 w 922053"/>
                  <a:gd name="connsiteY6" fmla="*/ 1526368 h 1531483"/>
                  <a:gd name="connsiteX7" fmla="*/ 554927 w 922053"/>
                  <a:gd name="connsiteY7" fmla="*/ 1383492 h 1531483"/>
                  <a:gd name="connsiteX8" fmla="*/ 697803 w 922053"/>
                  <a:gd name="connsiteY8" fmla="*/ 1226329 h 1531483"/>
                  <a:gd name="connsiteX9" fmla="*/ 546143 w 922053"/>
                  <a:gd name="connsiteY9" fmla="*/ 1087591 h 1531483"/>
                  <a:gd name="connsiteX10" fmla="*/ 346116 w 922053"/>
                  <a:gd name="connsiteY10" fmla="*/ 959001 h 1531483"/>
                  <a:gd name="connsiteX11" fmla="*/ 231817 w 922053"/>
                  <a:gd name="connsiteY11" fmla="*/ 744689 h 1531483"/>
                  <a:gd name="connsiteX12" fmla="*/ 3217 w 922053"/>
                  <a:gd name="connsiteY12" fmla="*/ 330353 h 1531483"/>
                  <a:gd name="connsiteX13" fmla="*/ 434694 w 922053"/>
                  <a:gd name="connsiteY13" fmla="*/ 16 h 1531483"/>
                  <a:gd name="connsiteX0" fmla="*/ 460418 w 922053"/>
                  <a:gd name="connsiteY0" fmla="*/ 158901 h 1542322"/>
                  <a:gd name="connsiteX1" fmla="*/ 423244 w 922053"/>
                  <a:gd name="connsiteY1" fmla="*/ 481637 h 1542322"/>
                  <a:gd name="connsiteX2" fmla="*/ 531854 w 922053"/>
                  <a:gd name="connsiteY2" fmla="*/ 830414 h 1542322"/>
                  <a:gd name="connsiteX3" fmla="*/ 726377 w 922053"/>
                  <a:gd name="connsiteY3" fmla="*/ 1026304 h 1542322"/>
                  <a:gd name="connsiteX4" fmla="*/ 597789 w 922053"/>
                  <a:gd name="connsiteY4" fmla="*/ 926292 h 1542322"/>
                  <a:gd name="connsiteX5" fmla="*/ 917617 w 922053"/>
                  <a:gd name="connsiteY5" fmla="*/ 1187600 h 1542322"/>
                  <a:gd name="connsiteX6" fmla="*/ 769242 w 922053"/>
                  <a:gd name="connsiteY6" fmla="*/ 1526368 h 1542322"/>
                  <a:gd name="connsiteX7" fmla="*/ 554927 w 922053"/>
                  <a:gd name="connsiteY7" fmla="*/ 1383492 h 1542322"/>
                  <a:gd name="connsiteX8" fmla="*/ 697803 w 922053"/>
                  <a:gd name="connsiteY8" fmla="*/ 1226329 h 1542322"/>
                  <a:gd name="connsiteX9" fmla="*/ 546143 w 922053"/>
                  <a:gd name="connsiteY9" fmla="*/ 1087591 h 1542322"/>
                  <a:gd name="connsiteX10" fmla="*/ 346116 w 922053"/>
                  <a:gd name="connsiteY10" fmla="*/ 959001 h 1542322"/>
                  <a:gd name="connsiteX11" fmla="*/ 231817 w 922053"/>
                  <a:gd name="connsiteY11" fmla="*/ 744689 h 1542322"/>
                  <a:gd name="connsiteX12" fmla="*/ 3217 w 922053"/>
                  <a:gd name="connsiteY12" fmla="*/ 330353 h 1542322"/>
                  <a:gd name="connsiteX13" fmla="*/ 434694 w 922053"/>
                  <a:gd name="connsiteY13" fmla="*/ 16 h 1542322"/>
                  <a:gd name="connsiteX0" fmla="*/ 460418 w 922053"/>
                  <a:gd name="connsiteY0" fmla="*/ 158901 h 1542322"/>
                  <a:gd name="connsiteX1" fmla="*/ 423244 w 922053"/>
                  <a:gd name="connsiteY1" fmla="*/ 481637 h 1542322"/>
                  <a:gd name="connsiteX2" fmla="*/ 531854 w 922053"/>
                  <a:gd name="connsiteY2" fmla="*/ 830414 h 1542322"/>
                  <a:gd name="connsiteX3" fmla="*/ 726377 w 922053"/>
                  <a:gd name="connsiteY3" fmla="*/ 1026304 h 1542322"/>
                  <a:gd name="connsiteX4" fmla="*/ 597789 w 922053"/>
                  <a:gd name="connsiteY4" fmla="*/ 926292 h 1542322"/>
                  <a:gd name="connsiteX5" fmla="*/ 917617 w 922053"/>
                  <a:gd name="connsiteY5" fmla="*/ 1187600 h 1542322"/>
                  <a:gd name="connsiteX6" fmla="*/ 769242 w 922053"/>
                  <a:gd name="connsiteY6" fmla="*/ 1526368 h 1542322"/>
                  <a:gd name="connsiteX7" fmla="*/ 554927 w 922053"/>
                  <a:gd name="connsiteY7" fmla="*/ 1383492 h 1542322"/>
                  <a:gd name="connsiteX8" fmla="*/ 697803 w 922053"/>
                  <a:gd name="connsiteY8" fmla="*/ 1226329 h 1542322"/>
                  <a:gd name="connsiteX9" fmla="*/ 546143 w 922053"/>
                  <a:gd name="connsiteY9" fmla="*/ 1087591 h 1542322"/>
                  <a:gd name="connsiteX10" fmla="*/ 346116 w 922053"/>
                  <a:gd name="connsiteY10" fmla="*/ 959001 h 1542322"/>
                  <a:gd name="connsiteX11" fmla="*/ 231817 w 922053"/>
                  <a:gd name="connsiteY11" fmla="*/ 744689 h 1542322"/>
                  <a:gd name="connsiteX12" fmla="*/ 3217 w 922053"/>
                  <a:gd name="connsiteY12" fmla="*/ 330353 h 1542322"/>
                  <a:gd name="connsiteX13" fmla="*/ 434694 w 922053"/>
                  <a:gd name="connsiteY13" fmla="*/ 16 h 15423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922053" h="1542322">
                    <a:moveTo>
                      <a:pt x="460418" y="158901"/>
                    </a:moveTo>
                    <a:cubicBezTo>
                      <a:pt x="497085" y="215072"/>
                      <a:pt x="344663" y="319712"/>
                      <a:pt x="423244" y="481637"/>
                    </a:cubicBezTo>
                    <a:cubicBezTo>
                      <a:pt x="501825" y="643562"/>
                      <a:pt x="424182" y="696773"/>
                      <a:pt x="531854" y="830414"/>
                    </a:cubicBezTo>
                    <a:cubicBezTo>
                      <a:pt x="639526" y="964055"/>
                      <a:pt x="691575" y="996037"/>
                      <a:pt x="726377" y="1026304"/>
                    </a:cubicBezTo>
                    <a:cubicBezTo>
                      <a:pt x="761179" y="1056571"/>
                      <a:pt x="551628" y="887503"/>
                      <a:pt x="597789" y="926292"/>
                    </a:cubicBezTo>
                    <a:cubicBezTo>
                      <a:pt x="662083" y="985823"/>
                      <a:pt x="889042" y="1087587"/>
                      <a:pt x="917617" y="1187600"/>
                    </a:cubicBezTo>
                    <a:cubicBezTo>
                      <a:pt x="946193" y="1287613"/>
                      <a:pt x="829690" y="1493719"/>
                      <a:pt x="769242" y="1526368"/>
                    </a:cubicBezTo>
                    <a:cubicBezTo>
                      <a:pt x="708794" y="1559017"/>
                      <a:pt x="612077" y="1554942"/>
                      <a:pt x="554927" y="1383492"/>
                    </a:cubicBezTo>
                    <a:cubicBezTo>
                      <a:pt x="626364" y="1197754"/>
                      <a:pt x="720698" y="1268502"/>
                      <a:pt x="697803" y="1226329"/>
                    </a:cubicBezTo>
                    <a:cubicBezTo>
                      <a:pt x="674908" y="1184156"/>
                      <a:pt x="604758" y="1132146"/>
                      <a:pt x="546143" y="1087591"/>
                    </a:cubicBezTo>
                    <a:cubicBezTo>
                      <a:pt x="487529" y="1043036"/>
                      <a:pt x="398504" y="1016151"/>
                      <a:pt x="346116" y="959001"/>
                    </a:cubicBezTo>
                    <a:cubicBezTo>
                      <a:pt x="293728" y="901851"/>
                      <a:pt x="288967" y="849464"/>
                      <a:pt x="231817" y="744689"/>
                    </a:cubicBezTo>
                    <a:cubicBezTo>
                      <a:pt x="174667" y="639914"/>
                      <a:pt x="186573" y="401791"/>
                      <a:pt x="3217" y="330353"/>
                    </a:cubicBezTo>
                    <a:cubicBezTo>
                      <a:pt x="-43933" y="322922"/>
                      <a:pt x="443029" y="-2602"/>
                      <a:pt x="434694" y="16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5" name="Freeform 4"/>
              <p:cNvSpPr/>
              <p:nvPr/>
            </p:nvSpPr>
            <p:spPr>
              <a:xfrm>
                <a:off x="3064257" y="1624947"/>
                <a:ext cx="2330728" cy="3322179"/>
              </a:xfrm>
              <a:custGeom>
                <a:avLst/>
                <a:gdLst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700725 w 2330215"/>
                  <a:gd name="connsiteY5" fmla="*/ 674592 h 3339481"/>
                  <a:gd name="connsiteX6" fmla="*/ 1686437 w 2330215"/>
                  <a:gd name="connsiteY6" fmla="*/ 1246092 h 3339481"/>
                  <a:gd name="connsiteX7" fmla="*/ 1886462 w 2330215"/>
                  <a:gd name="connsiteY7" fmla="*/ 1017492 h 3339481"/>
                  <a:gd name="connsiteX8" fmla="*/ 1815025 w 2330215"/>
                  <a:gd name="connsiteY8" fmla="*/ 760317 h 3339481"/>
                  <a:gd name="connsiteX9" fmla="*/ 2029337 w 2330215"/>
                  <a:gd name="connsiteY9" fmla="*/ 817467 h 3339481"/>
                  <a:gd name="connsiteX10" fmla="*/ 2100775 w 2330215"/>
                  <a:gd name="connsiteY10" fmla="*/ 1117505 h 3339481"/>
                  <a:gd name="connsiteX11" fmla="*/ 1657862 w 2330215"/>
                  <a:gd name="connsiteY11" fmla="*/ 1560417 h 3339481"/>
                  <a:gd name="connsiteX12" fmla="*/ 1400687 w 2330215"/>
                  <a:gd name="connsiteY12" fmla="*/ 1703292 h 3339481"/>
                  <a:gd name="connsiteX13" fmla="*/ 1129225 w 2330215"/>
                  <a:gd name="connsiteY13" fmla="*/ 1160367 h 3339481"/>
                  <a:gd name="connsiteX14" fmla="*/ 743462 w 2330215"/>
                  <a:gd name="connsiteY14" fmla="*/ 1517555 h 3339481"/>
                  <a:gd name="connsiteX15" fmla="*/ 1586425 w 2330215"/>
                  <a:gd name="connsiteY15" fmla="*/ 1746155 h 3339481"/>
                  <a:gd name="connsiteX16" fmla="*/ 1100650 w 2330215"/>
                  <a:gd name="connsiteY16" fmla="*/ 2774855 h 3339481"/>
                  <a:gd name="connsiteX17" fmla="*/ 1357825 w 2330215"/>
                  <a:gd name="connsiteY17" fmla="*/ 3174905 h 3339481"/>
                  <a:gd name="connsiteX18" fmla="*/ 1214950 w 2330215"/>
                  <a:gd name="connsiteY18" fmla="*/ 3332067 h 3339481"/>
                  <a:gd name="connsiteX19" fmla="*/ 600587 w 2330215"/>
                  <a:gd name="connsiteY19" fmla="*/ 2960592 h 3339481"/>
                  <a:gd name="connsiteX20" fmla="*/ 800612 w 2330215"/>
                  <a:gd name="connsiteY20" fmla="*/ 2574830 h 3339481"/>
                  <a:gd name="connsiteX21" fmla="*/ 886337 w 2330215"/>
                  <a:gd name="connsiteY21" fmla="*/ 2074767 h 3339481"/>
                  <a:gd name="connsiteX22" fmla="*/ 1086362 w 2330215"/>
                  <a:gd name="connsiteY22" fmla="*/ 1946180 h 3339481"/>
                  <a:gd name="connsiteX23" fmla="*/ 443425 w 2330215"/>
                  <a:gd name="connsiteY23" fmla="*/ 2089055 h 3339481"/>
                  <a:gd name="connsiteX24" fmla="*/ 512 w 2330215"/>
                  <a:gd name="connsiteY24" fmla="*/ 1917605 h 3339481"/>
                  <a:gd name="connsiteX25" fmla="*/ 371987 w 2330215"/>
                  <a:gd name="connsiteY25" fmla="*/ 874617 h 3339481"/>
                  <a:gd name="connsiteX26" fmla="*/ 1114937 w 2330215"/>
                  <a:gd name="connsiteY26" fmla="*/ 331692 h 3339481"/>
                  <a:gd name="connsiteX27" fmla="*/ 1543562 w 2330215"/>
                  <a:gd name="connsiteY27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700725 w 2330215"/>
                  <a:gd name="connsiteY5" fmla="*/ 674592 h 3339481"/>
                  <a:gd name="connsiteX6" fmla="*/ 1686437 w 2330215"/>
                  <a:gd name="connsiteY6" fmla="*/ 1246092 h 3339481"/>
                  <a:gd name="connsiteX7" fmla="*/ 1886462 w 2330215"/>
                  <a:gd name="connsiteY7" fmla="*/ 1017492 h 3339481"/>
                  <a:gd name="connsiteX8" fmla="*/ 1815025 w 2330215"/>
                  <a:gd name="connsiteY8" fmla="*/ 760317 h 3339481"/>
                  <a:gd name="connsiteX9" fmla="*/ 2029337 w 2330215"/>
                  <a:gd name="connsiteY9" fmla="*/ 817467 h 3339481"/>
                  <a:gd name="connsiteX10" fmla="*/ 2100775 w 2330215"/>
                  <a:gd name="connsiteY10" fmla="*/ 1117505 h 3339481"/>
                  <a:gd name="connsiteX11" fmla="*/ 1657862 w 2330215"/>
                  <a:gd name="connsiteY11" fmla="*/ 1560417 h 3339481"/>
                  <a:gd name="connsiteX12" fmla="*/ 1400687 w 2330215"/>
                  <a:gd name="connsiteY12" fmla="*/ 1617567 h 3339481"/>
                  <a:gd name="connsiteX13" fmla="*/ 1129225 w 2330215"/>
                  <a:gd name="connsiteY13" fmla="*/ 1160367 h 3339481"/>
                  <a:gd name="connsiteX14" fmla="*/ 743462 w 2330215"/>
                  <a:gd name="connsiteY14" fmla="*/ 1517555 h 3339481"/>
                  <a:gd name="connsiteX15" fmla="*/ 1586425 w 2330215"/>
                  <a:gd name="connsiteY15" fmla="*/ 1746155 h 3339481"/>
                  <a:gd name="connsiteX16" fmla="*/ 1100650 w 2330215"/>
                  <a:gd name="connsiteY16" fmla="*/ 2774855 h 3339481"/>
                  <a:gd name="connsiteX17" fmla="*/ 1357825 w 2330215"/>
                  <a:gd name="connsiteY17" fmla="*/ 3174905 h 3339481"/>
                  <a:gd name="connsiteX18" fmla="*/ 1214950 w 2330215"/>
                  <a:gd name="connsiteY18" fmla="*/ 3332067 h 3339481"/>
                  <a:gd name="connsiteX19" fmla="*/ 600587 w 2330215"/>
                  <a:gd name="connsiteY19" fmla="*/ 2960592 h 3339481"/>
                  <a:gd name="connsiteX20" fmla="*/ 800612 w 2330215"/>
                  <a:gd name="connsiteY20" fmla="*/ 2574830 h 3339481"/>
                  <a:gd name="connsiteX21" fmla="*/ 886337 w 2330215"/>
                  <a:gd name="connsiteY21" fmla="*/ 2074767 h 3339481"/>
                  <a:gd name="connsiteX22" fmla="*/ 1086362 w 2330215"/>
                  <a:gd name="connsiteY22" fmla="*/ 1946180 h 3339481"/>
                  <a:gd name="connsiteX23" fmla="*/ 443425 w 2330215"/>
                  <a:gd name="connsiteY23" fmla="*/ 2089055 h 3339481"/>
                  <a:gd name="connsiteX24" fmla="*/ 512 w 2330215"/>
                  <a:gd name="connsiteY24" fmla="*/ 1917605 h 3339481"/>
                  <a:gd name="connsiteX25" fmla="*/ 371987 w 2330215"/>
                  <a:gd name="connsiteY25" fmla="*/ 874617 h 3339481"/>
                  <a:gd name="connsiteX26" fmla="*/ 1114937 w 2330215"/>
                  <a:gd name="connsiteY26" fmla="*/ 331692 h 3339481"/>
                  <a:gd name="connsiteX27" fmla="*/ 1543562 w 2330215"/>
                  <a:gd name="connsiteY27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700725 w 2330215"/>
                  <a:gd name="connsiteY5" fmla="*/ 674592 h 3339481"/>
                  <a:gd name="connsiteX6" fmla="*/ 1686437 w 2330215"/>
                  <a:gd name="connsiteY6" fmla="*/ 1246092 h 3339481"/>
                  <a:gd name="connsiteX7" fmla="*/ 1886462 w 2330215"/>
                  <a:gd name="connsiteY7" fmla="*/ 1017492 h 3339481"/>
                  <a:gd name="connsiteX8" fmla="*/ 1815025 w 2330215"/>
                  <a:gd name="connsiteY8" fmla="*/ 760317 h 3339481"/>
                  <a:gd name="connsiteX9" fmla="*/ 2015050 w 2330215"/>
                  <a:gd name="connsiteY9" fmla="*/ 860330 h 3339481"/>
                  <a:gd name="connsiteX10" fmla="*/ 2100775 w 2330215"/>
                  <a:gd name="connsiteY10" fmla="*/ 1117505 h 3339481"/>
                  <a:gd name="connsiteX11" fmla="*/ 1657862 w 2330215"/>
                  <a:gd name="connsiteY11" fmla="*/ 1560417 h 3339481"/>
                  <a:gd name="connsiteX12" fmla="*/ 1400687 w 2330215"/>
                  <a:gd name="connsiteY12" fmla="*/ 1617567 h 3339481"/>
                  <a:gd name="connsiteX13" fmla="*/ 1129225 w 2330215"/>
                  <a:gd name="connsiteY13" fmla="*/ 1160367 h 3339481"/>
                  <a:gd name="connsiteX14" fmla="*/ 743462 w 2330215"/>
                  <a:gd name="connsiteY14" fmla="*/ 1517555 h 3339481"/>
                  <a:gd name="connsiteX15" fmla="*/ 1586425 w 2330215"/>
                  <a:gd name="connsiteY15" fmla="*/ 1746155 h 3339481"/>
                  <a:gd name="connsiteX16" fmla="*/ 1100650 w 2330215"/>
                  <a:gd name="connsiteY16" fmla="*/ 2774855 h 3339481"/>
                  <a:gd name="connsiteX17" fmla="*/ 1357825 w 2330215"/>
                  <a:gd name="connsiteY17" fmla="*/ 3174905 h 3339481"/>
                  <a:gd name="connsiteX18" fmla="*/ 1214950 w 2330215"/>
                  <a:gd name="connsiteY18" fmla="*/ 3332067 h 3339481"/>
                  <a:gd name="connsiteX19" fmla="*/ 600587 w 2330215"/>
                  <a:gd name="connsiteY19" fmla="*/ 2960592 h 3339481"/>
                  <a:gd name="connsiteX20" fmla="*/ 800612 w 2330215"/>
                  <a:gd name="connsiteY20" fmla="*/ 2574830 h 3339481"/>
                  <a:gd name="connsiteX21" fmla="*/ 886337 w 2330215"/>
                  <a:gd name="connsiteY21" fmla="*/ 2074767 h 3339481"/>
                  <a:gd name="connsiteX22" fmla="*/ 1086362 w 2330215"/>
                  <a:gd name="connsiteY22" fmla="*/ 1946180 h 3339481"/>
                  <a:gd name="connsiteX23" fmla="*/ 443425 w 2330215"/>
                  <a:gd name="connsiteY23" fmla="*/ 2089055 h 3339481"/>
                  <a:gd name="connsiteX24" fmla="*/ 512 w 2330215"/>
                  <a:gd name="connsiteY24" fmla="*/ 1917605 h 3339481"/>
                  <a:gd name="connsiteX25" fmla="*/ 371987 w 2330215"/>
                  <a:gd name="connsiteY25" fmla="*/ 874617 h 3339481"/>
                  <a:gd name="connsiteX26" fmla="*/ 1114937 w 2330215"/>
                  <a:gd name="connsiteY26" fmla="*/ 331692 h 3339481"/>
                  <a:gd name="connsiteX27" fmla="*/ 1543562 w 2330215"/>
                  <a:gd name="connsiteY27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700725 w 2330215"/>
                  <a:gd name="connsiteY5" fmla="*/ 674592 h 3339481"/>
                  <a:gd name="connsiteX6" fmla="*/ 1686437 w 2330215"/>
                  <a:gd name="connsiteY6" fmla="*/ 1246092 h 3339481"/>
                  <a:gd name="connsiteX7" fmla="*/ 1886462 w 2330215"/>
                  <a:gd name="connsiteY7" fmla="*/ 1017492 h 3339481"/>
                  <a:gd name="connsiteX8" fmla="*/ 1757875 w 2330215"/>
                  <a:gd name="connsiteY8" fmla="*/ 846042 h 3339481"/>
                  <a:gd name="connsiteX9" fmla="*/ 2015050 w 2330215"/>
                  <a:gd name="connsiteY9" fmla="*/ 860330 h 3339481"/>
                  <a:gd name="connsiteX10" fmla="*/ 2100775 w 2330215"/>
                  <a:gd name="connsiteY10" fmla="*/ 1117505 h 3339481"/>
                  <a:gd name="connsiteX11" fmla="*/ 1657862 w 2330215"/>
                  <a:gd name="connsiteY11" fmla="*/ 1560417 h 3339481"/>
                  <a:gd name="connsiteX12" fmla="*/ 1400687 w 2330215"/>
                  <a:gd name="connsiteY12" fmla="*/ 1617567 h 3339481"/>
                  <a:gd name="connsiteX13" fmla="*/ 1129225 w 2330215"/>
                  <a:gd name="connsiteY13" fmla="*/ 1160367 h 3339481"/>
                  <a:gd name="connsiteX14" fmla="*/ 743462 w 2330215"/>
                  <a:gd name="connsiteY14" fmla="*/ 1517555 h 3339481"/>
                  <a:gd name="connsiteX15" fmla="*/ 1586425 w 2330215"/>
                  <a:gd name="connsiteY15" fmla="*/ 1746155 h 3339481"/>
                  <a:gd name="connsiteX16" fmla="*/ 1100650 w 2330215"/>
                  <a:gd name="connsiteY16" fmla="*/ 2774855 h 3339481"/>
                  <a:gd name="connsiteX17" fmla="*/ 1357825 w 2330215"/>
                  <a:gd name="connsiteY17" fmla="*/ 3174905 h 3339481"/>
                  <a:gd name="connsiteX18" fmla="*/ 1214950 w 2330215"/>
                  <a:gd name="connsiteY18" fmla="*/ 3332067 h 3339481"/>
                  <a:gd name="connsiteX19" fmla="*/ 600587 w 2330215"/>
                  <a:gd name="connsiteY19" fmla="*/ 2960592 h 3339481"/>
                  <a:gd name="connsiteX20" fmla="*/ 800612 w 2330215"/>
                  <a:gd name="connsiteY20" fmla="*/ 2574830 h 3339481"/>
                  <a:gd name="connsiteX21" fmla="*/ 886337 w 2330215"/>
                  <a:gd name="connsiteY21" fmla="*/ 2074767 h 3339481"/>
                  <a:gd name="connsiteX22" fmla="*/ 1086362 w 2330215"/>
                  <a:gd name="connsiteY22" fmla="*/ 1946180 h 3339481"/>
                  <a:gd name="connsiteX23" fmla="*/ 443425 w 2330215"/>
                  <a:gd name="connsiteY23" fmla="*/ 2089055 h 3339481"/>
                  <a:gd name="connsiteX24" fmla="*/ 512 w 2330215"/>
                  <a:gd name="connsiteY24" fmla="*/ 1917605 h 3339481"/>
                  <a:gd name="connsiteX25" fmla="*/ 371987 w 2330215"/>
                  <a:gd name="connsiteY25" fmla="*/ 874617 h 3339481"/>
                  <a:gd name="connsiteX26" fmla="*/ 1114937 w 2330215"/>
                  <a:gd name="connsiteY26" fmla="*/ 331692 h 3339481"/>
                  <a:gd name="connsiteX27" fmla="*/ 1543562 w 2330215"/>
                  <a:gd name="connsiteY27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686437 w 2330215"/>
                  <a:gd name="connsiteY6" fmla="*/ 1246092 h 3339481"/>
                  <a:gd name="connsiteX7" fmla="*/ 1886462 w 2330215"/>
                  <a:gd name="connsiteY7" fmla="*/ 1017492 h 3339481"/>
                  <a:gd name="connsiteX8" fmla="*/ 1757875 w 2330215"/>
                  <a:gd name="connsiteY8" fmla="*/ 846042 h 3339481"/>
                  <a:gd name="connsiteX9" fmla="*/ 2015050 w 2330215"/>
                  <a:gd name="connsiteY9" fmla="*/ 860330 h 3339481"/>
                  <a:gd name="connsiteX10" fmla="*/ 2100775 w 2330215"/>
                  <a:gd name="connsiteY10" fmla="*/ 1117505 h 3339481"/>
                  <a:gd name="connsiteX11" fmla="*/ 1657862 w 2330215"/>
                  <a:gd name="connsiteY11" fmla="*/ 1560417 h 3339481"/>
                  <a:gd name="connsiteX12" fmla="*/ 1400687 w 2330215"/>
                  <a:gd name="connsiteY12" fmla="*/ 1617567 h 3339481"/>
                  <a:gd name="connsiteX13" fmla="*/ 1129225 w 2330215"/>
                  <a:gd name="connsiteY13" fmla="*/ 1160367 h 3339481"/>
                  <a:gd name="connsiteX14" fmla="*/ 743462 w 2330215"/>
                  <a:gd name="connsiteY14" fmla="*/ 1517555 h 3339481"/>
                  <a:gd name="connsiteX15" fmla="*/ 1586425 w 2330215"/>
                  <a:gd name="connsiteY15" fmla="*/ 1746155 h 3339481"/>
                  <a:gd name="connsiteX16" fmla="*/ 1100650 w 2330215"/>
                  <a:gd name="connsiteY16" fmla="*/ 2774855 h 3339481"/>
                  <a:gd name="connsiteX17" fmla="*/ 1357825 w 2330215"/>
                  <a:gd name="connsiteY17" fmla="*/ 3174905 h 3339481"/>
                  <a:gd name="connsiteX18" fmla="*/ 1214950 w 2330215"/>
                  <a:gd name="connsiteY18" fmla="*/ 3332067 h 3339481"/>
                  <a:gd name="connsiteX19" fmla="*/ 600587 w 2330215"/>
                  <a:gd name="connsiteY19" fmla="*/ 2960592 h 3339481"/>
                  <a:gd name="connsiteX20" fmla="*/ 800612 w 2330215"/>
                  <a:gd name="connsiteY20" fmla="*/ 2574830 h 3339481"/>
                  <a:gd name="connsiteX21" fmla="*/ 886337 w 2330215"/>
                  <a:gd name="connsiteY21" fmla="*/ 2074767 h 3339481"/>
                  <a:gd name="connsiteX22" fmla="*/ 1086362 w 2330215"/>
                  <a:gd name="connsiteY22" fmla="*/ 1946180 h 3339481"/>
                  <a:gd name="connsiteX23" fmla="*/ 443425 w 2330215"/>
                  <a:gd name="connsiteY23" fmla="*/ 2089055 h 3339481"/>
                  <a:gd name="connsiteX24" fmla="*/ 512 w 2330215"/>
                  <a:gd name="connsiteY24" fmla="*/ 1917605 h 3339481"/>
                  <a:gd name="connsiteX25" fmla="*/ 371987 w 2330215"/>
                  <a:gd name="connsiteY25" fmla="*/ 874617 h 3339481"/>
                  <a:gd name="connsiteX26" fmla="*/ 1114937 w 2330215"/>
                  <a:gd name="connsiteY26" fmla="*/ 331692 h 3339481"/>
                  <a:gd name="connsiteX27" fmla="*/ 1543562 w 2330215"/>
                  <a:gd name="connsiteY27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614048 w 2330215"/>
                  <a:gd name="connsiteY6" fmla="*/ 957330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399736 w 2330215"/>
                  <a:gd name="connsiteY6" fmla="*/ 971618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14024 w 2330215"/>
                  <a:gd name="connsiteY6" fmla="*/ 914468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14024 w 2330215"/>
                  <a:gd name="connsiteY6" fmla="*/ 914468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86437 w 2330215"/>
                  <a:gd name="connsiteY7" fmla="*/ 1246092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29287 w 2330215"/>
                  <a:gd name="connsiteY7" fmla="*/ 1217517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743462 w 2330215"/>
                  <a:gd name="connsiteY15" fmla="*/ 1517555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29287 w 2330215"/>
                  <a:gd name="connsiteY7" fmla="*/ 1217517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129225 w 2330215"/>
                  <a:gd name="connsiteY14" fmla="*/ 1160367 h 3339481"/>
                  <a:gd name="connsiteX15" fmla="*/ 814900 w 2330215"/>
                  <a:gd name="connsiteY15" fmla="*/ 1474693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29287 w 2330215"/>
                  <a:gd name="connsiteY7" fmla="*/ 1217517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057787 w 2330215"/>
                  <a:gd name="connsiteY14" fmla="*/ 1160367 h 3339481"/>
                  <a:gd name="connsiteX15" fmla="*/ 814900 w 2330215"/>
                  <a:gd name="connsiteY15" fmla="*/ 1474693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29287 w 2330215"/>
                  <a:gd name="connsiteY7" fmla="*/ 1217517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057787 w 2330215"/>
                  <a:gd name="connsiteY14" fmla="*/ 1160367 h 3339481"/>
                  <a:gd name="connsiteX15" fmla="*/ 814900 w 2330215"/>
                  <a:gd name="connsiteY15" fmla="*/ 1474693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215"/>
                  <a:gd name="connsiteY0" fmla="*/ 288830 h 3339481"/>
                  <a:gd name="connsiteX1" fmla="*/ 1815025 w 2330215"/>
                  <a:gd name="connsiteY1" fmla="*/ 88805 h 3339481"/>
                  <a:gd name="connsiteX2" fmla="*/ 2086487 w 2330215"/>
                  <a:gd name="connsiteY2" fmla="*/ 17367 h 3339481"/>
                  <a:gd name="connsiteX3" fmla="*/ 2329375 w 2330215"/>
                  <a:gd name="connsiteY3" fmla="*/ 403130 h 3339481"/>
                  <a:gd name="connsiteX4" fmla="*/ 2000762 w 2330215"/>
                  <a:gd name="connsiteY4" fmla="*/ 803180 h 3339481"/>
                  <a:gd name="connsiteX5" fmla="*/ 1643575 w 2330215"/>
                  <a:gd name="connsiteY5" fmla="*/ 674592 h 3339481"/>
                  <a:gd name="connsiteX6" fmla="*/ 1428311 w 2330215"/>
                  <a:gd name="connsiteY6" fmla="*/ 1000193 h 3339481"/>
                  <a:gd name="connsiteX7" fmla="*/ 1629287 w 2330215"/>
                  <a:gd name="connsiteY7" fmla="*/ 1217517 h 3339481"/>
                  <a:gd name="connsiteX8" fmla="*/ 1886462 w 2330215"/>
                  <a:gd name="connsiteY8" fmla="*/ 1017492 h 3339481"/>
                  <a:gd name="connsiteX9" fmla="*/ 1757875 w 2330215"/>
                  <a:gd name="connsiteY9" fmla="*/ 846042 h 3339481"/>
                  <a:gd name="connsiteX10" fmla="*/ 2015050 w 2330215"/>
                  <a:gd name="connsiteY10" fmla="*/ 860330 h 3339481"/>
                  <a:gd name="connsiteX11" fmla="*/ 2100775 w 2330215"/>
                  <a:gd name="connsiteY11" fmla="*/ 1117505 h 3339481"/>
                  <a:gd name="connsiteX12" fmla="*/ 1657862 w 2330215"/>
                  <a:gd name="connsiteY12" fmla="*/ 1560417 h 3339481"/>
                  <a:gd name="connsiteX13" fmla="*/ 1400687 w 2330215"/>
                  <a:gd name="connsiteY13" fmla="*/ 1617567 h 3339481"/>
                  <a:gd name="connsiteX14" fmla="*/ 1057787 w 2330215"/>
                  <a:gd name="connsiteY14" fmla="*/ 1160367 h 3339481"/>
                  <a:gd name="connsiteX15" fmla="*/ 814900 w 2330215"/>
                  <a:gd name="connsiteY15" fmla="*/ 1474693 h 3339481"/>
                  <a:gd name="connsiteX16" fmla="*/ 1586425 w 2330215"/>
                  <a:gd name="connsiteY16" fmla="*/ 1746155 h 3339481"/>
                  <a:gd name="connsiteX17" fmla="*/ 1100650 w 2330215"/>
                  <a:gd name="connsiteY17" fmla="*/ 2774855 h 3339481"/>
                  <a:gd name="connsiteX18" fmla="*/ 1357825 w 2330215"/>
                  <a:gd name="connsiteY18" fmla="*/ 3174905 h 3339481"/>
                  <a:gd name="connsiteX19" fmla="*/ 1214950 w 2330215"/>
                  <a:gd name="connsiteY19" fmla="*/ 3332067 h 3339481"/>
                  <a:gd name="connsiteX20" fmla="*/ 600587 w 2330215"/>
                  <a:gd name="connsiteY20" fmla="*/ 2960592 h 3339481"/>
                  <a:gd name="connsiteX21" fmla="*/ 800612 w 2330215"/>
                  <a:gd name="connsiteY21" fmla="*/ 2574830 h 3339481"/>
                  <a:gd name="connsiteX22" fmla="*/ 886337 w 2330215"/>
                  <a:gd name="connsiteY22" fmla="*/ 2074767 h 3339481"/>
                  <a:gd name="connsiteX23" fmla="*/ 1086362 w 2330215"/>
                  <a:gd name="connsiteY23" fmla="*/ 1946180 h 3339481"/>
                  <a:gd name="connsiteX24" fmla="*/ 443425 w 2330215"/>
                  <a:gd name="connsiteY24" fmla="*/ 2089055 h 3339481"/>
                  <a:gd name="connsiteX25" fmla="*/ 512 w 2330215"/>
                  <a:gd name="connsiteY25" fmla="*/ 1917605 h 3339481"/>
                  <a:gd name="connsiteX26" fmla="*/ 371987 w 2330215"/>
                  <a:gd name="connsiteY26" fmla="*/ 874617 h 3339481"/>
                  <a:gd name="connsiteX27" fmla="*/ 1114937 w 2330215"/>
                  <a:gd name="connsiteY27" fmla="*/ 331692 h 3339481"/>
                  <a:gd name="connsiteX28" fmla="*/ 1543562 w 2330215"/>
                  <a:gd name="connsiteY28" fmla="*/ 288830 h 3339481"/>
                  <a:gd name="connsiteX0" fmla="*/ 1543562 w 2330728"/>
                  <a:gd name="connsiteY0" fmla="*/ 271528 h 3322179"/>
                  <a:gd name="connsiteX1" fmla="*/ 1815025 w 2330728"/>
                  <a:gd name="connsiteY1" fmla="*/ 71503 h 3322179"/>
                  <a:gd name="connsiteX2" fmla="*/ 2086487 w 2330728"/>
                  <a:gd name="connsiteY2" fmla="*/ 65 h 3322179"/>
                  <a:gd name="connsiteX3" fmla="*/ 2329375 w 2330728"/>
                  <a:gd name="connsiteY3" fmla="*/ 385828 h 3322179"/>
                  <a:gd name="connsiteX4" fmla="*/ 2000762 w 2330728"/>
                  <a:gd name="connsiteY4" fmla="*/ 785878 h 3322179"/>
                  <a:gd name="connsiteX5" fmla="*/ 1643575 w 2330728"/>
                  <a:gd name="connsiteY5" fmla="*/ 657290 h 3322179"/>
                  <a:gd name="connsiteX6" fmla="*/ 1428311 w 2330728"/>
                  <a:gd name="connsiteY6" fmla="*/ 982891 h 3322179"/>
                  <a:gd name="connsiteX7" fmla="*/ 1629287 w 2330728"/>
                  <a:gd name="connsiteY7" fmla="*/ 1200215 h 3322179"/>
                  <a:gd name="connsiteX8" fmla="*/ 1886462 w 2330728"/>
                  <a:gd name="connsiteY8" fmla="*/ 1000190 h 3322179"/>
                  <a:gd name="connsiteX9" fmla="*/ 1757875 w 2330728"/>
                  <a:gd name="connsiteY9" fmla="*/ 828740 h 3322179"/>
                  <a:gd name="connsiteX10" fmla="*/ 2015050 w 2330728"/>
                  <a:gd name="connsiteY10" fmla="*/ 843028 h 3322179"/>
                  <a:gd name="connsiteX11" fmla="*/ 2100775 w 2330728"/>
                  <a:gd name="connsiteY11" fmla="*/ 1100203 h 3322179"/>
                  <a:gd name="connsiteX12" fmla="*/ 1657862 w 2330728"/>
                  <a:gd name="connsiteY12" fmla="*/ 1543115 h 3322179"/>
                  <a:gd name="connsiteX13" fmla="*/ 1400687 w 2330728"/>
                  <a:gd name="connsiteY13" fmla="*/ 1600265 h 3322179"/>
                  <a:gd name="connsiteX14" fmla="*/ 1057787 w 2330728"/>
                  <a:gd name="connsiteY14" fmla="*/ 1143065 h 3322179"/>
                  <a:gd name="connsiteX15" fmla="*/ 814900 w 2330728"/>
                  <a:gd name="connsiteY15" fmla="*/ 1457391 h 3322179"/>
                  <a:gd name="connsiteX16" fmla="*/ 1586425 w 2330728"/>
                  <a:gd name="connsiteY16" fmla="*/ 1728853 h 3322179"/>
                  <a:gd name="connsiteX17" fmla="*/ 1100650 w 2330728"/>
                  <a:gd name="connsiteY17" fmla="*/ 2757553 h 3322179"/>
                  <a:gd name="connsiteX18" fmla="*/ 1357825 w 2330728"/>
                  <a:gd name="connsiteY18" fmla="*/ 3157603 h 3322179"/>
                  <a:gd name="connsiteX19" fmla="*/ 1214950 w 2330728"/>
                  <a:gd name="connsiteY19" fmla="*/ 3314765 h 3322179"/>
                  <a:gd name="connsiteX20" fmla="*/ 600587 w 2330728"/>
                  <a:gd name="connsiteY20" fmla="*/ 2943290 h 3322179"/>
                  <a:gd name="connsiteX21" fmla="*/ 800612 w 2330728"/>
                  <a:gd name="connsiteY21" fmla="*/ 2557528 h 3322179"/>
                  <a:gd name="connsiteX22" fmla="*/ 886337 w 2330728"/>
                  <a:gd name="connsiteY22" fmla="*/ 2057465 h 3322179"/>
                  <a:gd name="connsiteX23" fmla="*/ 1086362 w 2330728"/>
                  <a:gd name="connsiteY23" fmla="*/ 1928878 h 3322179"/>
                  <a:gd name="connsiteX24" fmla="*/ 443425 w 2330728"/>
                  <a:gd name="connsiteY24" fmla="*/ 2071753 h 3322179"/>
                  <a:gd name="connsiteX25" fmla="*/ 512 w 2330728"/>
                  <a:gd name="connsiteY25" fmla="*/ 1900303 h 3322179"/>
                  <a:gd name="connsiteX26" fmla="*/ 371987 w 2330728"/>
                  <a:gd name="connsiteY26" fmla="*/ 857315 h 3322179"/>
                  <a:gd name="connsiteX27" fmla="*/ 1114937 w 2330728"/>
                  <a:gd name="connsiteY27" fmla="*/ 314390 h 3322179"/>
                  <a:gd name="connsiteX28" fmla="*/ 1543562 w 2330728"/>
                  <a:gd name="connsiteY28" fmla="*/ 271528 h 33221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</a:cxnLst>
                <a:rect l="l" t="t" r="r" b="b"/>
                <a:pathLst>
                  <a:path w="2330728" h="3322179">
                    <a:moveTo>
                      <a:pt x="1543562" y="271528"/>
                    </a:moveTo>
                    <a:cubicBezTo>
                      <a:pt x="1660243" y="231047"/>
                      <a:pt x="1724538" y="116747"/>
                      <a:pt x="1815025" y="71503"/>
                    </a:cubicBezTo>
                    <a:cubicBezTo>
                      <a:pt x="1905513" y="26259"/>
                      <a:pt x="1929324" y="4828"/>
                      <a:pt x="2086487" y="65"/>
                    </a:cubicBezTo>
                    <a:cubicBezTo>
                      <a:pt x="2243650" y="-4698"/>
                      <a:pt x="2343663" y="254859"/>
                      <a:pt x="2329375" y="385828"/>
                    </a:cubicBezTo>
                    <a:cubicBezTo>
                      <a:pt x="2315087" y="516797"/>
                      <a:pt x="2115062" y="740634"/>
                      <a:pt x="2000762" y="785878"/>
                    </a:cubicBezTo>
                    <a:cubicBezTo>
                      <a:pt x="1886462" y="831122"/>
                      <a:pt x="1738983" y="624455"/>
                      <a:pt x="1643575" y="657290"/>
                    </a:cubicBezTo>
                    <a:cubicBezTo>
                      <a:pt x="1548167" y="690125"/>
                      <a:pt x="1421167" y="887641"/>
                      <a:pt x="1428311" y="982891"/>
                    </a:cubicBezTo>
                    <a:cubicBezTo>
                      <a:pt x="1564042" y="1178153"/>
                      <a:pt x="1467204" y="1254482"/>
                      <a:pt x="1629287" y="1200215"/>
                    </a:cubicBezTo>
                    <a:cubicBezTo>
                      <a:pt x="1791370" y="1145948"/>
                      <a:pt x="1865031" y="1062103"/>
                      <a:pt x="1886462" y="1000190"/>
                    </a:cubicBezTo>
                    <a:cubicBezTo>
                      <a:pt x="1907893" y="938278"/>
                      <a:pt x="1736444" y="854934"/>
                      <a:pt x="1757875" y="828740"/>
                    </a:cubicBezTo>
                    <a:cubicBezTo>
                      <a:pt x="1779306" y="802546"/>
                      <a:pt x="1957900" y="797784"/>
                      <a:pt x="2015050" y="843028"/>
                    </a:cubicBezTo>
                    <a:cubicBezTo>
                      <a:pt x="2072200" y="888272"/>
                      <a:pt x="2160306" y="983522"/>
                      <a:pt x="2100775" y="1100203"/>
                    </a:cubicBezTo>
                    <a:cubicBezTo>
                      <a:pt x="2041244" y="1216884"/>
                      <a:pt x="1774543" y="1459771"/>
                      <a:pt x="1657862" y="1543115"/>
                    </a:cubicBezTo>
                    <a:cubicBezTo>
                      <a:pt x="1541181" y="1626459"/>
                      <a:pt x="1500699" y="1666940"/>
                      <a:pt x="1400687" y="1600265"/>
                    </a:cubicBezTo>
                    <a:cubicBezTo>
                      <a:pt x="1300675" y="1533590"/>
                      <a:pt x="1112556" y="1281177"/>
                      <a:pt x="1057787" y="1143065"/>
                    </a:cubicBezTo>
                    <a:cubicBezTo>
                      <a:pt x="1003018" y="1004953"/>
                      <a:pt x="726794" y="1359760"/>
                      <a:pt x="814900" y="1457391"/>
                    </a:cubicBezTo>
                    <a:cubicBezTo>
                      <a:pt x="903006" y="1555022"/>
                      <a:pt x="1538800" y="1512159"/>
                      <a:pt x="1586425" y="1728853"/>
                    </a:cubicBezTo>
                    <a:cubicBezTo>
                      <a:pt x="1634050" y="1945547"/>
                      <a:pt x="1138750" y="2519428"/>
                      <a:pt x="1100650" y="2757553"/>
                    </a:cubicBezTo>
                    <a:cubicBezTo>
                      <a:pt x="1062550" y="2995678"/>
                      <a:pt x="1338775" y="3064734"/>
                      <a:pt x="1357825" y="3157603"/>
                    </a:cubicBezTo>
                    <a:cubicBezTo>
                      <a:pt x="1376875" y="3250472"/>
                      <a:pt x="1341156" y="3350484"/>
                      <a:pt x="1214950" y="3314765"/>
                    </a:cubicBezTo>
                    <a:cubicBezTo>
                      <a:pt x="1088744" y="3279046"/>
                      <a:pt x="669643" y="3069496"/>
                      <a:pt x="600587" y="2943290"/>
                    </a:cubicBezTo>
                    <a:cubicBezTo>
                      <a:pt x="531531" y="2817084"/>
                      <a:pt x="752987" y="2705165"/>
                      <a:pt x="800612" y="2557528"/>
                    </a:cubicBezTo>
                    <a:cubicBezTo>
                      <a:pt x="848237" y="2409891"/>
                      <a:pt x="838712" y="2162240"/>
                      <a:pt x="886337" y="2057465"/>
                    </a:cubicBezTo>
                    <a:cubicBezTo>
                      <a:pt x="933962" y="1952690"/>
                      <a:pt x="1160181" y="1926497"/>
                      <a:pt x="1086362" y="1928878"/>
                    </a:cubicBezTo>
                    <a:cubicBezTo>
                      <a:pt x="1012543" y="1931259"/>
                      <a:pt x="624400" y="2076516"/>
                      <a:pt x="443425" y="2071753"/>
                    </a:cubicBezTo>
                    <a:cubicBezTo>
                      <a:pt x="262450" y="2066990"/>
                      <a:pt x="12418" y="2102709"/>
                      <a:pt x="512" y="1900303"/>
                    </a:cubicBezTo>
                    <a:cubicBezTo>
                      <a:pt x="-11394" y="1697897"/>
                      <a:pt x="186249" y="1121634"/>
                      <a:pt x="371987" y="857315"/>
                    </a:cubicBezTo>
                    <a:cubicBezTo>
                      <a:pt x="557725" y="592996"/>
                      <a:pt x="917293" y="407259"/>
                      <a:pt x="1114937" y="314390"/>
                    </a:cubicBezTo>
                    <a:cubicBezTo>
                      <a:pt x="1312581" y="221521"/>
                      <a:pt x="1426881" y="312009"/>
                      <a:pt x="1543562" y="271528"/>
                    </a:cubicBezTo>
                    <a:close/>
                  </a:path>
                </a:pathLst>
              </a:cu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</p:grpSp>
      <p:sp>
        <p:nvSpPr>
          <p:cNvPr id="16" name="Cloud Callout 15"/>
          <p:cNvSpPr/>
          <p:nvPr/>
        </p:nvSpPr>
        <p:spPr>
          <a:xfrm>
            <a:off x="488263" y="870437"/>
            <a:ext cx="8404218" cy="2982060"/>
          </a:xfrm>
          <a:prstGeom prst="cloudCallout">
            <a:avLst>
              <a:gd name="adj1" fmla="val -35211"/>
              <a:gd name="adj2" fmla="val 66456"/>
            </a:avLst>
          </a:prstGeom>
          <a:solidFill>
            <a:schemeClr val="accent3">
              <a:lumMod val="20000"/>
              <a:lumOff val="80000"/>
            </a:schemeClr>
          </a:solidFill>
          <a:ln w="38100">
            <a:solidFill>
              <a:schemeClr val="accent6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17" name="TextBox 16"/>
          <p:cNvSpPr txBox="1"/>
          <p:nvPr/>
        </p:nvSpPr>
        <p:spPr>
          <a:xfrm>
            <a:off x="1048691" y="1628800"/>
            <a:ext cx="7588858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lvl="1" algn="ctr"/>
            <a:r>
              <a:rPr lang="en-US" altLang="en-US" sz="2000" dirty="0"/>
              <a:t>The more focused you are about what you want to examine by the </a:t>
            </a:r>
            <a:r>
              <a:rPr lang="en-US" altLang="en-US" sz="2000" dirty="0" smtClean="0"/>
              <a:t>evaluation,</a:t>
            </a:r>
          </a:p>
          <a:p>
            <a:pPr marL="0" lvl="1" algn="ctr"/>
            <a:r>
              <a:rPr lang="en-US" altLang="en-US" sz="2000" dirty="0" smtClean="0"/>
              <a:t>the </a:t>
            </a:r>
            <a:r>
              <a:rPr lang="en-US" altLang="en-US" sz="2000" dirty="0"/>
              <a:t>more efficient you can be in your evaluation, </a:t>
            </a:r>
            <a:endParaRPr lang="en-US" altLang="en-US" sz="2000" dirty="0" smtClean="0"/>
          </a:p>
          <a:p>
            <a:pPr marL="0" lvl="1" algn="ctr"/>
            <a:r>
              <a:rPr lang="en-US" altLang="en-US" sz="2000" dirty="0" smtClean="0"/>
              <a:t>the </a:t>
            </a:r>
            <a:r>
              <a:rPr lang="en-US" altLang="en-US" sz="2000" dirty="0"/>
              <a:t>shorter the time it will take </a:t>
            </a:r>
            <a:r>
              <a:rPr lang="en-US" altLang="en-US" sz="2000" dirty="0" smtClean="0"/>
              <a:t>you, </a:t>
            </a:r>
          </a:p>
          <a:p>
            <a:pPr marL="0" lvl="1" algn="ctr"/>
            <a:r>
              <a:rPr lang="en-US" altLang="en-US" sz="2000" dirty="0" smtClean="0"/>
              <a:t>the </a:t>
            </a:r>
            <a:r>
              <a:rPr lang="en-US" altLang="en-US" sz="2000" dirty="0"/>
              <a:t>less it will cost you.</a:t>
            </a:r>
          </a:p>
          <a:p>
            <a:pPr marL="0" lvl="1" algn="ctr"/>
            <a:endParaRPr lang="en-SG" sz="2000" dirty="0"/>
          </a:p>
        </p:txBody>
      </p:sp>
      <p:sp>
        <p:nvSpPr>
          <p:cNvPr id="10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31840" y="6489972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40151899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157163"/>
            <a:ext cx="8229600" cy="1143000"/>
          </a:xfrm>
        </p:spPr>
        <p:txBody>
          <a:bodyPr/>
          <a:lstStyle/>
          <a:p>
            <a:r>
              <a:rPr lang="en-US" altLang="ja-JP" dirty="0" smtClean="0">
                <a:solidFill>
                  <a:schemeClr val="tx1"/>
                </a:solidFill>
              </a:rPr>
              <a:t>Research Approach</a:t>
            </a:r>
            <a:endParaRPr kumimoji="1" lang="ja-JP" altLang="en-US" dirty="0">
              <a:solidFill>
                <a:schemeClr val="tx1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169711658"/>
              </p:ext>
            </p:extLst>
          </p:nvPr>
        </p:nvGraphicFramePr>
        <p:xfrm>
          <a:off x="271463" y="481648"/>
          <a:ext cx="8629649" cy="536987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8" name="Rounded Rectangle 7"/>
          <p:cNvSpPr/>
          <p:nvPr/>
        </p:nvSpPr>
        <p:spPr>
          <a:xfrm>
            <a:off x="2834673" y="4794476"/>
            <a:ext cx="1957387" cy="1130300"/>
          </a:xfrm>
          <a:prstGeom prst="roundRect">
            <a:avLst/>
          </a:prstGeom>
          <a:ln>
            <a:solidFill>
              <a:schemeClr val="accent1">
                <a:lumMod val="75000"/>
              </a:schemeClr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</a:rPr>
              <a:t>Rigorous evaluation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9" name="Right Arrow 8"/>
          <p:cNvSpPr/>
          <p:nvPr/>
        </p:nvSpPr>
        <p:spPr>
          <a:xfrm rot="19093391">
            <a:off x="3733327" y="4187743"/>
            <a:ext cx="658175" cy="478586"/>
          </a:xfrm>
          <a:prstGeom prst="righ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ounded Rectangle 9"/>
          <p:cNvSpPr/>
          <p:nvPr/>
        </p:nvSpPr>
        <p:spPr>
          <a:xfrm>
            <a:off x="4896707" y="4797538"/>
            <a:ext cx="1957387" cy="1130300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</a:rPr>
              <a:t>Data analytics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1" name="Right Arrow 10"/>
          <p:cNvSpPr/>
          <p:nvPr/>
        </p:nvSpPr>
        <p:spPr>
          <a:xfrm rot="13889727">
            <a:off x="5154170" y="4187743"/>
            <a:ext cx="658175" cy="478586"/>
          </a:xfrm>
          <a:prstGeom prst="righ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210901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6220" y="53752"/>
            <a:ext cx="8229600" cy="1143000"/>
          </a:xfrm>
        </p:spPr>
        <p:txBody>
          <a:bodyPr>
            <a:normAutofit fontScale="90000"/>
          </a:bodyPr>
          <a:lstStyle/>
          <a:p>
            <a:r>
              <a:rPr lang="en-SG" dirty="0" smtClean="0"/>
              <a:t>The Conception of Social Innovations</a:t>
            </a:r>
            <a:endParaRPr lang="en-SG" dirty="0"/>
          </a:p>
        </p:txBody>
      </p:sp>
      <p:grpSp>
        <p:nvGrpSpPr>
          <p:cNvPr id="16" name="Group 15"/>
          <p:cNvGrpSpPr/>
          <p:nvPr/>
        </p:nvGrpSpPr>
        <p:grpSpPr>
          <a:xfrm>
            <a:off x="686838" y="980728"/>
            <a:ext cx="6052832" cy="4750719"/>
            <a:chOff x="686838" y="980728"/>
            <a:chExt cx="6052832" cy="4750719"/>
          </a:xfrm>
        </p:grpSpPr>
        <p:grpSp>
          <p:nvGrpSpPr>
            <p:cNvPr id="12" name="Group 11"/>
            <p:cNvGrpSpPr/>
            <p:nvPr/>
          </p:nvGrpSpPr>
          <p:grpSpPr>
            <a:xfrm>
              <a:off x="686838" y="980728"/>
              <a:ext cx="4001469" cy="3216665"/>
              <a:chOff x="539550" y="1173057"/>
              <a:chExt cx="4001469" cy="3024336"/>
            </a:xfrm>
          </p:grpSpPr>
          <p:sp>
            <p:nvSpPr>
              <p:cNvPr id="8" name="Oval 7"/>
              <p:cNvSpPr/>
              <p:nvPr/>
            </p:nvSpPr>
            <p:spPr>
              <a:xfrm>
                <a:off x="539550" y="1173057"/>
                <a:ext cx="4001469" cy="3024336"/>
              </a:xfrm>
              <a:prstGeom prst="ellipse">
                <a:avLst/>
              </a:prstGeom>
              <a:solidFill>
                <a:schemeClr val="accent1">
                  <a:lumMod val="60000"/>
                  <a:lumOff val="40000"/>
                  <a:alpha val="50000"/>
                </a:schemeClr>
              </a:solidFill>
              <a:ln>
                <a:solidFill>
                  <a:schemeClr val="accent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5" name="TextBox 4"/>
              <p:cNvSpPr txBox="1"/>
              <p:nvPr/>
            </p:nvSpPr>
            <p:spPr>
              <a:xfrm>
                <a:off x="827584" y="1792673"/>
                <a:ext cx="3240360" cy="1785104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sz="2800" dirty="0"/>
                  <a:t>We want to hear from </a:t>
                </a:r>
                <a:r>
                  <a:rPr lang="en-SG" sz="2800" dirty="0" smtClean="0"/>
                  <a:t>academics</a:t>
                </a:r>
              </a:p>
              <a:p>
                <a:pPr marL="285750" lvl="1" indent="-285750">
                  <a:buFont typeface="Arial" panose="020B0604020202020204" pitchFamily="34" charset="0"/>
                  <a:buChar char="•"/>
                </a:pPr>
                <a:r>
                  <a:rPr lang="en-SG" dirty="0"/>
                  <a:t>New ideas base on theory and empirical findings</a:t>
                </a:r>
              </a:p>
              <a:p>
                <a:endParaRPr lang="en-SG" dirty="0"/>
              </a:p>
            </p:txBody>
          </p:sp>
        </p:grpSp>
        <p:sp>
          <p:nvSpPr>
            <p:cNvPr id="15" name="Freeform 14"/>
            <p:cNvSpPr/>
            <p:nvPr/>
          </p:nvSpPr>
          <p:spPr>
            <a:xfrm>
              <a:off x="3927197" y="3861084"/>
              <a:ext cx="2812473" cy="1870363"/>
            </a:xfrm>
            <a:custGeom>
              <a:avLst/>
              <a:gdLst>
                <a:gd name="connsiteX0" fmla="*/ 0 w 2812473"/>
                <a:gd name="connsiteY0" fmla="*/ 0 h 1870363"/>
                <a:gd name="connsiteX1" fmla="*/ 914400 w 2812473"/>
                <a:gd name="connsiteY1" fmla="*/ 1357745 h 1870363"/>
                <a:gd name="connsiteX2" fmla="*/ 2812473 w 2812473"/>
                <a:gd name="connsiteY2" fmla="*/ 1870363 h 187036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812473" h="1870363">
                  <a:moveTo>
                    <a:pt x="0" y="0"/>
                  </a:moveTo>
                  <a:cubicBezTo>
                    <a:pt x="222827" y="523009"/>
                    <a:pt x="445655" y="1046018"/>
                    <a:pt x="914400" y="1357745"/>
                  </a:cubicBezTo>
                  <a:cubicBezTo>
                    <a:pt x="1383146" y="1669472"/>
                    <a:pt x="2097809" y="1769917"/>
                    <a:pt x="2812473" y="1870363"/>
                  </a:cubicBezTo>
                </a:path>
              </a:pathLst>
            </a:custGeom>
            <a:noFill/>
            <a:ln>
              <a:solidFill>
                <a:schemeClr val="accent1">
                  <a:shade val="50000"/>
                  <a:alpha val="4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  <p:grpSp>
        <p:nvGrpSpPr>
          <p:cNvPr id="24" name="Group 23"/>
          <p:cNvGrpSpPr/>
          <p:nvPr/>
        </p:nvGrpSpPr>
        <p:grpSpPr>
          <a:xfrm>
            <a:off x="1331964" y="3319028"/>
            <a:ext cx="5429054" cy="3216665"/>
            <a:chOff x="1331964" y="3319028"/>
            <a:chExt cx="5429054" cy="3216665"/>
          </a:xfrm>
        </p:grpSpPr>
        <p:grpSp>
          <p:nvGrpSpPr>
            <p:cNvPr id="11" name="Group 10"/>
            <p:cNvGrpSpPr/>
            <p:nvPr/>
          </p:nvGrpSpPr>
          <p:grpSpPr>
            <a:xfrm>
              <a:off x="1331964" y="3319028"/>
              <a:ext cx="4001469" cy="3216665"/>
              <a:chOff x="1377365" y="3704805"/>
              <a:chExt cx="4001469" cy="3024336"/>
            </a:xfrm>
          </p:grpSpPr>
          <p:sp>
            <p:nvSpPr>
              <p:cNvPr id="9" name="Oval 8"/>
              <p:cNvSpPr/>
              <p:nvPr/>
            </p:nvSpPr>
            <p:spPr>
              <a:xfrm>
                <a:off x="1377365" y="3704805"/>
                <a:ext cx="4001469" cy="3024336"/>
              </a:xfrm>
              <a:prstGeom prst="ellipse">
                <a:avLst/>
              </a:prstGeom>
              <a:solidFill>
                <a:schemeClr val="accent5">
                  <a:lumMod val="20000"/>
                  <a:lumOff val="80000"/>
                  <a:alpha val="50000"/>
                </a:schemeClr>
              </a:solidFill>
              <a:ln>
                <a:solidFill>
                  <a:schemeClr val="accent5">
                    <a:lumMod val="40000"/>
                    <a:lumOff val="60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6" name="TextBox 5"/>
              <p:cNvSpPr txBox="1"/>
              <p:nvPr/>
            </p:nvSpPr>
            <p:spPr>
              <a:xfrm>
                <a:off x="1604182" y="4385210"/>
                <a:ext cx="3301251" cy="1938807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sz="2800" dirty="0"/>
                  <a:t>We want to hear from </a:t>
                </a:r>
                <a:r>
                  <a:rPr lang="en-SG" sz="2800" dirty="0" smtClean="0"/>
                  <a:t>policymakers</a:t>
                </a:r>
                <a:endParaRPr lang="en-SG" sz="2800" dirty="0"/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SG" dirty="0"/>
                  <a:t>New ideas base on policy objectives, internal research findings, past policy outcomes </a:t>
                </a:r>
              </a:p>
              <a:p>
                <a:endParaRPr lang="en-SG" dirty="0"/>
              </a:p>
            </p:txBody>
          </p:sp>
        </p:grpSp>
        <p:sp>
          <p:nvSpPr>
            <p:cNvPr id="17" name="Freeform 16"/>
            <p:cNvSpPr/>
            <p:nvPr/>
          </p:nvSpPr>
          <p:spPr>
            <a:xfrm>
              <a:off x="5043055" y="5731447"/>
              <a:ext cx="1717963" cy="232935"/>
            </a:xfrm>
            <a:custGeom>
              <a:avLst/>
              <a:gdLst>
                <a:gd name="connsiteX0" fmla="*/ 0 w 1717963"/>
                <a:gd name="connsiteY0" fmla="*/ 0 h 318654"/>
                <a:gd name="connsiteX1" fmla="*/ 942109 w 1717963"/>
                <a:gd name="connsiteY1" fmla="*/ 318654 h 318654"/>
                <a:gd name="connsiteX2" fmla="*/ 1717963 w 1717963"/>
                <a:gd name="connsiteY2" fmla="*/ 0 h 3186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717963" h="318654">
                  <a:moveTo>
                    <a:pt x="0" y="0"/>
                  </a:moveTo>
                  <a:cubicBezTo>
                    <a:pt x="327891" y="159327"/>
                    <a:pt x="655782" y="318654"/>
                    <a:pt x="942109" y="318654"/>
                  </a:cubicBezTo>
                  <a:cubicBezTo>
                    <a:pt x="1228436" y="318654"/>
                    <a:pt x="1473199" y="159327"/>
                    <a:pt x="1717963" y="0"/>
                  </a:cubicBezTo>
                </a:path>
              </a:pathLst>
            </a:custGeom>
            <a:noFill/>
            <a:ln>
              <a:solidFill>
                <a:schemeClr val="accent5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  <p:grpSp>
        <p:nvGrpSpPr>
          <p:cNvPr id="25" name="Group 24"/>
          <p:cNvGrpSpPr/>
          <p:nvPr/>
        </p:nvGrpSpPr>
        <p:grpSpPr>
          <a:xfrm>
            <a:off x="3927198" y="1621167"/>
            <a:ext cx="4001469" cy="4142324"/>
            <a:chOff x="3927198" y="1621167"/>
            <a:chExt cx="4001469" cy="4142324"/>
          </a:xfrm>
        </p:grpSpPr>
        <p:grpSp>
          <p:nvGrpSpPr>
            <p:cNvPr id="13" name="Group 12"/>
            <p:cNvGrpSpPr/>
            <p:nvPr/>
          </p:nvGrpSpPr>
          <p:grpSpPr>
            <a:xfrm>
              <a:off x="3927198" y="1621167"/>
              <a:ext cx="4001469" cy="3216665"/>
              <a:chOff x="3947298" y="1714700"/>
              <a:chExt cx="4001469" cy="3024336"/>
            </a:xfrm>
          </p:grpSpPr>
          <p:sp>
            <p:nvSpPr>
              <p:cNvPr id="10" name="Oval 9"/>
              <p:cNvSpPr/>
              <p:nvPr/>
            </p:nvSpPr>
            <p:spPr>
              <a:xfrm>
                <a:off x="3947298" y="1714700"/>
                <a:ext cx="4001469" cy="3024336"/>
              </a:xfrm>
              <a:prstGeom prst="ellipse">
                <a:avLst/>
              </a:prstGeom>
              <a:solidFill>
                <a:schemeClr val="accent3">
                  <a:lumMod val="40000"/>
                  <a:lumOff val="60000"/>
                  <a:alpha val="50000"/>
                </a:schemeClr>
              </a:solidFill>
              <a:ln>
                <a:solidFill>
                  <a:schemeClr val="accent3">
                    <a:lumMod val="60000"/>
                    <a:lumOff val="40000"/>
                  </a:schemeClr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7" name="TextBox 6"/>
              <p:cNvSpPr txBox="1"/>
              <p:nvPr/>
            </p:nvSpPr>
            <p:spPr>
              <a:xfrm>
                <a:off x="4624746" y="2276872"/>
                <a:ext cx="3240360" cy="2215991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SG" sz="2800" dirty="0" smtClean="0"/>
                  <a:t>Today, we </a:t>
                </a:r>
                <a:r>
                  <a:rPr lang="en-SG" sz="2800" dirty="0"/>
                  <a:t>want to hear from you – </a:t>
                </a:r>
                <a:endParaRPr lang="en-SG" sz="2800" dirty="0" smtClean="0"/>
              </a:p>
              <a:p>
                <a:pPr algn="ctr"/>
                <a:r>
                  <a:rPr lang="en-SG" sz="2800" dirty="0" smtClean="0"/>
                  <a:t>the </a:t>
                </a:r>
                <a:r>
                  <a:rPr lang="en-SG" sz="2800" dirty="0"/>
                  <a:t>practitioners!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en-SG" dirty="0"/>
                  <a:t>New ideas base on ground knowledge and experience </a:t>
                </a:r>
              </a:p>
              <a:p>
                <a:endParaRPr lang="en-SG" dirty="0"/>
              </a:p>
            </p:txBody>
          </p:sp>
        </p:grpSp>
        <p:sp>
          <p:nvSpPr>
            <p:cNvPr id="18" name="Freeform 17"/>
            <p:cNvSpPr/>
            <p:nvPr/>
          </p:nvSpPr>
          <p:spPr>
            <a:xfrm>
              <a:off x="6165273" y="4807527"/>
              <a:ext cx="568036" cy="955964"/>
            </a:xfrm>
            <a:custGeom>
              <a:avLst/>
              <a:gdLst>
                <a:gd name="connsiteX0" fmla="*/ 0 w 568036"/>
                <a:gd name="connsiteY0" fmla="*/ 0 h 955964"/>
                <a:gd name="connsiteX1" fmla="*/ 96982 w 568036"/>
                <a:gd name="connsiteY1" fmla="*/ 540328 h 955964"/>
                <a:gd name="connsiteX2" fmla="*/ 568036 w 568036"/>
                <a:gd name="connsiteY2" fmla="*/ 955964 h 9559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568036" h="955964">
                  <a:moveTo>
                    <a:pt x="0" y="0"/>
                  </a:moveTo>
                  <a:cubicBezTo>
                    <a:pt x="1154" y="190500"/>
                    <a:pt x="2309" y="381001"/>
                    <a:pt x="96982" y="540328"/>
                  </a:cubicBezTo>
                  <a:cubicBezTo>
                    <a:pt x="191655" y="699655"/>
                    <a:pt x="568036" y="955964"/>
                    <a:pt x="568036" y="955964"/>
                  </a:cubicBezTo>
                </a:path>
              </a:pathLst>
            </a:custGeom>
            <a:noFill/>
            <a:ln>
              <a:solidFill>
                <a:schemeClr val="accent3">
                  <a:lumMod val="40000"/>
                  <a:lumOff val="6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  <p:sp>
        <p:nvSpPr>
          <p:cNvPr id="28" name="Freeform 27"/>
          <p:cNvSpPr/>
          <p:nvPr/>
        </p:nvSpPr>
        <p:spPr>
          <a:xfrm>
            <a:off x="6554290" y="5684835"/>
            <a:ext cx="970038" cy="1026629"/>
          </a:xfrm>
          <a:custGeom>
            <a:avLst/>
            <a:gdLst>
              <a:gd name="connsiteX0" fmla="*/ 595832 w 1233834"/>
              <a:gd name="connsiteY0" fmla="*/ 316123 h 2050345"/>
              <a:gd name="connsiteX1" fmla="*/ 789796 w 1233834"/>
              <a:gd name="connsiteY1" fmla="*/ 399251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609687 w 1233834"/>
              <a:gd name="connsiteY24" fmla="*/ 385396 h 2050345"/>
              <a:gd name="connsiteX25" fmla="*/ 706669 w 1233834"/>
              <a:gd name="connsiteY25" fmla="*/ 468523 h 2050345"/>
              <a:gd name="connsiteX0" fmla="*/ 595832 w 1233834"/>
              <a:gd name="connsiteY0" fmla="*/ 316123 h 2050345"/>
              <a:gd name="connsiteX1" fmla="*/ 789796 w 1233834"/>
              <a:gd name="connsiteY1" fmla="*/ 399251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609687 w 1233834"/>
              <a:gd name="connsiteY24" fmla="*/ 385396 h 2050345"/>
              <a:gd name="connsiteX25" fmla="*/ 609049 w 1233834"/>
              <a:gd name="connsiteY25" fmla="*/ 332168 h 2050345"/>
              <a:gd name="connsiteX0" fmla="*/ 595832 w 1233834"/>
              <a:gd name="connsiteY0" fmla="*/ 316123 h 2050345"/>
              <a:gd name="connsiteX1" fmla="*/ 789796 w 1233834"/>
              <a:gd name="connsiteY1" fmla="*/ 399251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609687 w 1233834"/>
              <a:gd name="connsiteY24" fmla="*/ 385396 h 2050345"/>
              <a:gd name="connsiteX25" fmla="*/ 692723 w 1233834"/>
              <a:gd name="connsiteY25" fmla="*/ 426568 h 2050345"/>
              <a:gd name="connsiteX0" fmla="*/ 595832 w 1233834"/>
              <a:gd name="connsiteY0" fmla="*/ 316123 h 2050345"/>
              <a:gd name="connsiteX1" fmla="*/ 789796 w 1233834"/>
              <a:gd name="connsiteY1" fmla="*/ 399251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609687 w 1233834"/>
              <a:gd name="connsiteY24" fmla="*/ 385396 h 2050345"/>
              <a:gd name="connsiteX25" fmla="*/ 546294 w 1233834"/>
              <a:gd name="connsiteY25" fmla="*/ 185325 h 2050345"/>
              <a:gd name="connsiteX0" fmla="*/ 595832 w 1233834"/>
              <a:gd name="connsiteY0" fmla="*/ 316123 h 2050345"/>
              <a:gd name="connsiteX1" fmla="*/ 789796 w 1233834"/>
              <a:gd name="connsiteY1" fmla="*/ 399251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553905 w 1233834"/>
              <a:gd name="connsiteY24" fmla="*/ 395885 h 2050345"/>
              <a:gd name="connsiteX25" fmla="*/ 546294 w 1233834"/>
              <a:gd name="connsiteY25" fmla="*/ 185325 h 2050345"/>
              <a:gd name="connsiteX0" fmla="*/ 616750 w 1233834"/>
              <a:gd name="connsiteY0" fmla="*/ 389545 h 2050345"/>
              <a:gd name="connsiteX1" fmla="*/ 789796 w 1233834"/>
              <a:gd name="connsiteY1" fmla="*/ 399251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553905 w 1233834"/>
              <a:gd name="connsiteY24" fmla="*/ 395885 h 2050345"/>
              <a:gd name="connsiteX25" fmla="*/ 546294 w 1233834"/>
              <a:gd name="connsiteY25" fmla="*/ 185325 h 2050345"/>
              <a:gd name="connsiteX0" fmla="*/ 658587 w 1233834"/>
              <a:gd name="connsiteY0" fmla="*/ 400033 h 2050345"/>
              <a:gd name="connsiteX1" fmla="*/ 789796 w 1233834"/>
              <a:gd name="connsiteY1" fmla="*/ 399251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553905 w 1233834"/>
              <a:gd name="connsiteY24" fmla="*/ 395885 h 2050345"/>
              <a:gd name="connsiteX25" fmla="*/ 546294 w 1233834"/>
              <a:gd name="connsiteY25" fmla="*/ 185325 h 2050345"/>
              <a:gd name="connsiteX0" fmla="*/ 658587 w 1233834"/>
              <a:gd name="connsiteY0" fmla="*/ 400033 h 2050345"/>
              <a:gd name="connsiteX1" fmla="*/ 789796 w 1233834"/>
              <a:gd name="connsiteY1" fmla="*/ 399251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553905 w 1233834"/>
              <a:gd name="connsiteY24" fmla="*/ 395885 h 2050345"/>
              <a:gd name="connsiteX25" fmla="*/ 629968 w 1233834"/>
              <a:gd name="connsiteY25" fmla="*/ 416079 h 2050345"/>
              <a:gd name="connsiteX0" fmla="*/ 658587 w 1233834"/>
              <a:gd name="connsiteY0" fmla="*/ 400033 h 2050345"/>
              <a:gd name="connsiteX1" fmla="*/ 789796 w 1233834"/>
              <a:gd name="connsiteY1" fmla="*/ 399251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567851 w 1233834"/>
              <a:gd name="connsiteY24" fmla="*/ 343441 h 2050345"/>
              <a:gd name="connsiteX25" fmla="*/ 629968 w 1233834"/>
              <a:gd name="connsiteY25" fmla="*/ 416079 h 2050345"/>
              <a:gd name="connsiteX0" fmla="*/ 658587 w 1233834"/>
              <a:gd name="connsiteY0" fmla="*/ 400033 h 2050345"/>
              <a:gd name="connsiteX1" fmla="*/ 768878 w 1233834"/>
              <a:gd name="connsiteY1" fmla="*/ 430718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567851 w 1233834"/>
              <a:gd name="connsiteY24" fmla="*/ 343441 h 2050345"/>
              <a:gd name="connsiteX25" fmla="*/ 629968 w 1233834"/>
              <a:gd name="connsiteY25" fmla="*/ 416079 h 2050345"/>
              <a:gd name="connsiteX0" fmla="*/ 658587 w 1233834"/>
              <a:gd name="connsiteY0" fmla="*/ 400033 h 2050345"/>
              <a:gd name="connsiteX1" fmla="*/ 768878 w 1233834"/>
              <a:gd name="connsiteY1" fmla="*/ 430718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567851 w 1233834"/>
              <a:gd name="connsiteY24" fmla="*/ 343441 h 2050345"/>
              <a:gd name="connsiteX25" fmla="*/ 629968 w 1233834"/>
              <a:gd name="connsiteY25" fmla="*/ 416079 h 2050345"/>
              <a:gd name="connsiteX0" fmla="*/ 658587 w 1233834"/>
              <a:gd name="connsiteY0" fmla="*/ 400033 h 2050345"/>
              <a:gd name="connsiteX1" fmla="*/ 768878 w 1233834"/>
              <a:gd name="connsiteY1" fmla="*/ 430718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567851 w 1233834"/>
              <a:gd name="connsiteY24" fmla="*/ 343441 h 2050345"/>
              <a:gd name="connsiteX25" fmla="*/ 629968 w 1233834"/>
              <a:gd name="connsiteY25" fmla="*/ 416079 h 2050345"/>
              <a:gd name="connsiteX0" fmla="*/ 658587 w 1233834"/>
              <a:gd name="connsiteY0" fmla="*/ 400033 h 2050345"/>
              <a:gd name="connsiteX1" fmla="*/ 768878 w 1233834"/>
              <a:gd name="connsiteY1" fmla="*/ 430718 h 2050345"/>
              <a:gd name="connsiteX2" fmla="*/ 748232 w 1233834"/>
              <a:gd name="connsiteY2" fmla="*/ 523942 h 2050345"/>
              <a:gd name="connsiteX3" fmla="*/ 1205432 w 1233834"/>
              <a:gd name="connsiteY3" fmla="*/ 828742 h 2050345"/>
              <a:gd name="connsiteX4" fmla="*/ 1136159 w 1233834"/>
              <a:gd name="connsiteY4" fmla="*/ 1008851 h 2050345"/>
              <a:gd name="connsiteX5" fmla="*/ 734378 w 1233834"/>
              <a:gd name="connsiteY5" fmla="*/ 731760 h 2050345"/>
              <a:gd name="connsiteX6" fmla="*/ 886778 w 1233834"/>
              <a:gd name="connsiteY6" fmla="*/ 1285942 h 2050345"/>
              <a:gd name="connsiteX7" fmla="*/ 692814 w 1233834"/>
              <a:gd name="connsiteY7" fmla="*/ 1798560 h 2050345"/>
              <a:gd name="connsiteX8" fmla="*/ 775941 w 1233834"/>
              <a:gd name="connsiteY8" fmla="*/ 2047942 h 2050345"/>
              <a:gd name="connsiteX9" fmla="*/ 443432 w 1233834"/>
              <a:gd name="connsiteY9" fmla="*/ 1895542 h 2050345"/>
              <a:gd name="connsiteX10" fmla="*/ 692814 w 1233834"/>
              <a:gd name="connsiteY10" fmla="*/ 1438342 h 2050345"/>
              <a:gd name="connsiteX11" fmla="*/ 568123 w 1233834"/>
              <a:gd name="connsiteY11" fmla="*/ 1244378 h 2050345"/>
              <a:gd name="connsiteX12" fmla="*/ 512705 w 1233834"/>
              <a:gd name="connsiteY12" fmla="*/ 1466051 h 2050345"/>
              <a:gd name="connsiteX13" fmla="*/ 207905 w 1233834"/>
              <a:gd name="connsiteY13" fmla="*/ 1784705 h 2050345"/>
              <a:gd name="connsiteX14" fmla="*/ 360305 w 1233834"/>
              <a:gd name="connsiteY14" fmla="*/ 1909396 h 2050345"/>
              <a:gd name="connsiteX15" fmla="*/ 235614 w 1233834"/>
              <a:gd name="connsiteY15" fmla="*/ 1964814 h 2050345"/>
              <a:gd name="connsiteX16" fmla="*/ 87 w 1233834"/>
              <a:gd name="connsiteY16" fmla="*/ 1853978 h 2050345"/>
              <a:gd name="connsiteX17" fmla="*/ 263323 w 1233834"/>
              <a:gd name="connsiteY17" fmla="*/ 1452196 h 2050345"/>
              <a:gd name="connsiteX18" fmla="*/ 401869 w 1233834"/>
              <a:gd name="connsiteY18" fmla="*/ 1105833 h 2050345"/>
              <a:gd name="connsiteX19" fmla="*/ 360305 w 1233834"/>
              <a:gd name="connsiteY19" fmla="*/ 842596 h 2050345"/>
              <a:gd name="connsiteX20" fmla="*/ 471141 w 1233834"/>
              <a:gd name="connsiteY20" fmla="*/ 579360 h 2050345"/>
              <a:gd name="connsiteX21" fmla="*/ 13941 w 1233834"/>
              <a:gd name="connsiteY21" fmla="*/ 163723 h 2050345"/>
              <a:gd name="connsiteX22" fmla="*/ 194050 w 1233834"/>
              <a:gd name="connsiteY22" fmla="*/ 11323 h 2050345"/>
              <a:gd name="connsiteX23" fmla="*/ 498850 w 1233834"/>
              <a:gd name="connsiteY23" fmla="*/ 440814 h 2050345"/>
              <a:gd name="connsiteX24" fmla="*/ 567851 w 1233834"/>
              <a:gd name="connsiteY24" fmla="*/ 343441 h 2050345"/>
              <a:gd name="connsiteX25" fmla="*/ 657860 w 1233834"/>
              <a:gd name="connsiteY25" fmla="*/ 405590 h 2050345"/>
              <a:gd name="connsiteX0" fmla="*/ 658587 w 1233834"/>
              <a:gd name="connsiteY0" fmla="*/ 403207 h 2053519"/>
              <a:gd name="connsiteX1" fmla="*/ 768878 w 1233834"/>
              <a:gd name="connsiteY1" fmla="*/ 433892 h 2053519"/>
              <a:gd name="connsiteX2" fmla="*/ 748232 w 1233834"/>
              <a:gd name="connsiteY2" fmla="*/ 527116 h 2053519"/>
              <a:gd name="connsiteX3" fmla="*/ 1205432 w 1233834"/>
              <a:gd name="connsiteY3" fmla="*/ 831916 h 2053519"/>
              <a:gd name="connsiteX4" fmla="*/ 1136159 w 1233834"/>
              <a:gd name="connsiteY4" fmla="*/ 1012025 h 2053519"/>
              <a:gd name="connsiteX5" fmla="*/ 734378 w 1233834"/>
              <a:gd name="connsiteY5" fmla="*/ 734934 h 2053519"/>
              <a:gd name="connsiteX6" fmla="*/ 886778 w 1233834"/>
              <a:gd name="connsiteY6" fmla="*/ 1289116 h 2053519"/>
              <a:gd name="connsiteX7" fmla="*/ 692814 w 1233834"/>
              <a:gd name="connsiteY7" fmla="*/ 1801734 h 2053519"/>
              <a:gd name="connsiteX8" fmla="*/ 775941 w 1233834"/>
              <a:gd name="connsiteY8" fmla="*/ 2051116 h 2053519"/>
              <a:gd name="connsiteX9" fmla="*/ 443432 w 1233834"/>
              <a:gd name="connsiteY9" fmla="*/ 1898716 h 2053519"/>
              <a:gd name="connsiteX10" fmla="*/ 692814 w 1233834"/>
              <a:gd name="connsiteY10" fmla="*/ 1441516 h 2053519"/>
              <a:gd name="connsiteX11" fmla="*/ 568123 w 1233834"/>
              <a:gd name="connsiteY11" fmla="*/ 1247552 h 2053519"/>
              <a:gd name="connsiteX12" fmla="*/ 512705 w 1233834"/>
              <a:gd name="connsiteY12" fmla="*/ 1469225 h 2053519"/>
              <a:gd name="connsiteX13" fmla="*/ 207905 w 1233834"/>
              <a:gd name="connsiteY13" fmla="*/ 1787879 h 2053519"/>
              <a:gd name="connsiteX14" fmla="*/ 360305 w 1233834"/>
              <a:gd name="connsiteY14" fmla="*/ 1912570 h 2053519"/>
              <a:gd name="connsiteX15" fmla="*/ 235614 w 1233834"/>
              <a:gd name="connsiteY15" fmla="*/ 1967988 h 2053519"/>
              <a:gd name="connsiteX16" fmla="*/ 87 w 1233834"/>
              <a:gd name="connsiteY16" fmla="*/ 1857152 h 2053519"/>
              <a:gd name="connsiteX17" fmla="*/ 263323 w 1233834"/>
              <a:gd name="connsiteY17" fmla="*/ 1455370 h 2053519"/>
              <a:gd name="connsiteX18" fmla="*/ 401869 w 1233834"/>
              <a:gd name="connsiteY18" fmla="*/ 1109007 h 2053519"/>
              <a:gd name="connsiteX19" fmla="*/ 360305 w 1233834"/>
              <a:gd name="connsiteY19" fmla="*/ 845770 h 2053519"/>
              <a:gd name="connsiteX20" fmla="*/ 471141 w 1233834"/>
              <a:gd name="connsiteY20" fmla="*/ 582534 h 2053519"/>
              <a:gd name="connsiteX21" fmla="*/ 111561 w 1233834"/>
              <a:gd name="connsiteY21" fmla="*/ 145919 h 2053519"/>
              <a:gd name="connsiteX22" fmla="*/ 194050 w 1233834"/>
              <a:gd name="connsiteY22" fmla="*/ 14497 h 2053519"/>
              <a:gd name="connsiteX23" fmla="*/ 498850 w 1233834"/>
              <a:gd name="connsiteY23" fmla="*/ 443988 h 2053519"/>
              <a:gd name="connsiteX24" fmla="*/ 567851 w 1233834"/>
              <a:gd name="connsiteY24" fmla="*/ 346615 h 2053519"/>
              <a:gd name="connsiteX25" fmla="*/ 657860 w 1233834"/>
              <a:gd name="connsiteY25" fmla="*/ 408764 h 2053519"/>
              <a:gd name="connsiteX0" fmla="*/ 658587 w 1233834"/>
              <a:gd name="connsiteY0" fmla="*/ 405098 h 2055410"/>
              <a:gd name="connsiteX1" fmla="*/ 768878 w 1233834"/>
              <a:gd name="connsiteY1" fmla="*/ 435783 h 2055410"/>
              <a:gd name="connsiteX2" fmla="*/ 748232 w 1233834"/>
              <a:gd name="connsiteY2" fmla="*/ 529007 h 2055410"/>
              <a:gd name="connsiteX3" fmla="*/ 1205432 w 1233834"/>
              <a:gd name="connsiteY3" fmla="*/ 833807 h 2055410"/>
              <a:gd name="connsiteX4" fmla="*/ 1136159 w 1233834"/>
              <a:gd name="connsiteY4" fmla="*/ 1013916 h 2055410"/>
              <a:gd name="connsiteX5" fmla="*/ 734378 w 1233834"/>
              <a:gd name="connsiteY5" fmla="*/ 736825 h 2055410"/>
              <a:gd name="connsiteX6" fmla="*/ 886778 w 1233834"/>
              <a:gd name="connsiteY6" fmla="*/ 1291007 h 2055410"/>
              <a:gd name="connsiteX7" fmla="*/ 692814 w 1233834"/>
              <a:gd name="connsiteY7" fmla="*/ 1803625 h 2055410"/>
              <a:gd name="connsiteX8" fmla="*/ 775941 w 1233834"/>
              <a:gd name="connsiteY8" fmla="*/ 2053007 h 2055410"/>
              <a:gd name="connsiteX9" fmla="*/ 443432 w 1233834"/>
              <a:gd name="connsiteY9" fmla="*/ 1900607 h 2055410"/>
              <a:gd name="connsiteX10" fmla="*/ 692814 w 1233834"/>
              <a:gd name="connsiteY10" fmla="*/ 1443407 h 2055410"/>
              <a:gd name="connsiteX11" fmla="*/ 568123 w 1233834"/>
              <a:gd name="connsiteY11" fmla="*/ 1249443 h 2055410"/>
              <a:gd name="connsiteX12" fmla="*/ 512705 w 1233834"/>
              <a:gd name="connsiteY12" fmla="*/ 1471116 h 2055410"/>
              <a:gd name="connsiteX13" fmla="*/ 207905 w 1233834"/>
              <a:gd name="connsiteY13" fmla="*/ 1789770 h 2055410"/>
              <a:gd name="connsiteX14" fmla="*/ 360305 w 1233834"/>
              <a:gd name="connsiteY14" fmla="*/ 1914461 h 2055410"/>
              <a:gd name="connsiteX15" fmla="*/ 235614 w 1233834"/>
              <a:gd name="connsiteY15" fmla="*/ 1969879 h 2055410"/>
              <a:gd name="connsiteX16" fmla="*/ 87 w 1233834"/>
              <a:gd name="connsiteY16" fmla="*/ 1859043 h 2055410"/>
              <a:gd name="connsiteX17" fmla="*/ 263323 w 1233834"/>
              <a:gd name="connsiteY17" fmla="*/ 1457261 h 2055410"/>
              <a:gd name="connsiteX18" fmla="*/ 401869 w 1233834"/>
              <a:gd name="connsiteY18" fmla="*/ 1110898 h 2055410"/>
              <a:gd name="connsiteX19" fmla="*/ 360305 w 1233834"/>
              <a:gd name="connsiteY19" fmla="*/ 847661 h 2055410"/>
              <a:gd name="connsiteX20" fmla="*/ 471141 w 1233834"/>
              <a:gd name="connsiteY20" fmla="*/ 584425 h 2055410"/>
              <a:gd name="connsiteX21" fmla="*/ 153398 w 1233834"/>
              <a:gd name="connsiteY21" fmla="*/ 137321 h 2055410"/>
              <a:gd name="connsiteX22" fmla="*/ 194050 w 1233834"/>
              <a:gd name="connsiteY22" fmla="*/ 16388 h 2055410"/>
              <a:gd name="connsiteX23" fmla="*/ 498850 w 1233834"/>
              <a:gd name="connsiteY23" fmla="*/ 445879 h 2055410"/>
              <a:gd name="connsiteX24" fmla="*/ 567851 w 1233834"/>
              <a:gd name="connsiteY24" fmla="*/ 348506 h 2055410"/>
              <a:gd name="connsiteX25" fmla="*/ 657860 w 1233834"/>
              <a:gd name="connsiteY25" fmla="*/ 410655 h 2055410"/>
              <a:gd name="connsiteX0" fmla="*/ 658587 w 1189247"/>
              <a:gd name="connsiteY0" fmla="*/ 405098 h 2055410"/>
              <a:gd name="connsiteX1" fmla="*/ 768878 w 1189247"/>
              <a:gd name="connsiteY1" fmla="*/ 435783 h 2055410"/>
              <a:gd name="connsiteX2" fmla="*/ 748232 w 1189247"/>
              <a:gd name="connsiteY2" fmla="*/ 529007 h 2055410"/>
              <a:gd name="connsiteX3" fmla="*/ 1142676 w 1189247"/>
              <a:gd name="connsiteY3" fmla="*/ 865273 h 2055410"/>
              <a:gd name="connsiteX4" fmla="*/ 1136159 w 1189247"/>
              <a:gd name="connsiteY4" fmla="*/ 1013916 h 2055410"/>
              <a:gd name="connsiteX5" fmla="*/ 734378 w 1189247"/>
              <a:gd name="connsiteY5" fmla="*/ 736825 h 2055410"/>
              <a:gd name="connsiteX6" fmla="*/ 886778 w 1189247"/>
              <a:gd name="connsiteY6" fmla="*/ 1291007 h 2055410"/>
              <a:gd name="connsiteX7" fmla="*/ 692814 w 1189247"/>
              <a:gd name="connsiteY7" fmla="*/ 1803625 h 2055410"/>
              <a:gd name="connsiteX8" fmla="*/ 775941 w 1189247"/>
              <a:gd name="connsiteY8" fmla="*/ 2053007 h 2055410"/>
              <a:gd name="connsiteX9" fmla="*/ 443432 w 1189247"/>
              <a:gd name="connsiteY9" fmla="*/ 1900607 h 2055410"/>
              <a:gd name="connsiteX10" fmla="*/ 692814 w 1189247"/>
              <a:gd name="connsiteY10" fmla="*/ 1443407 h 2055410"/>
              <a:gd name="connsiteX11" fmla="*/ 568123 w 1189247"/>
              <a:gd name="connsiteY11" fmla="*/ 1249443 h 2055410"/>
              <a:gd name="connsiteX12" fmla="*/ 512705 w 1189247"/>
              <a:gd name="connsiteY12" fmla="*/ 1471116 h 2055410"/>
              <a:gd name="connsiteX13" fmla="*/ 207905 w 1189247"/>
              <a:gd name="connsiteY13" fmla="*/ 1789770 h 2055410"/>
              <a:gd name="connsiteX14" fmla="*/ 360305 w 1189247"/>
              <a:gd name="connsiteY14" fmla="*/ 1914461 h 2055410"/>
              <a:gd name="connsiteX15" fmla="*/ 235614 w 1189247"/>
              <a:gd name="connsiteY15" fmla="*/ 1969879 h 2055410"/>
              <a:gd name="connsiteX16" fmla="*/ 87 w 1189247"/>
              <a:gd name="connsiteY16" fmla="*/ 1859043 h 2055410"/>
              <a:gd name="connsiteX17" fmla="*/ 263323 w 1189247"/>
              <a:gd name="connsiteY17" fmla="*/ 1457261 h 2055410"/>
              <a:gd name="connsiteX18" fmla="*/ 401869 w 1189247"/>
              <a:gd name="connsiteY18" fmla="*/ 1110898 h 2055410"/>
              <a:gd name="connsiteX19" fmla="*/ 360305 w 1189247"/>
              <a:gd name="connsiteY19" fmla="*/ 847661 h 2055410"/>
              <a:gd name="connsiteX20" fmla="*/ 471141 w 1189247"/>
              <a:gd name="connsiteY20" fmla="*/ 584425 h 2055410"/>
              <a:gd name="connsiteX21" fmla="*/ 153398 w 1189247"/>
              <a:gd name="connsiteY21" fmla="*/ 137321 h 2055410"/>
              <a:gd name="connsiteX22" fmla="*/ 194050 w 1189247"/>
              <a:gd name="connsiteY22" fmla="*/ 16388 h 2055410"/>
              <a:gd name="connsiteX23" fmla="*/ 498850 w 1189247"/>
              <a:gd name="connsiteY23" fmla="*/ 445879 h 2055410"/>
              <a:gd name="connsiteX24" fmla="*/ 567851 w 1189247"/>
              <a:gd name="connsiteY24" fmla="*/ 348506 h 2055410"/>
              <a:gd name="connsiteX25" fmla="*/ 657860 w 1189247"/>
              <a:gd name="connsiteY25" fmla="*/ 410655 h 2055410"/>
              <a:gd name="connsiteX0" fmla="*/ 658587 w 1161126"/>
              <a:gd name="connsiteY0" fmla="*/ 405098 h 2055410"/>
              <a:gd name="connsiteX1" fmla="*/ 768878 w 1161126"/>
              <a:gd name="connsiteY1" fmla="*/ 435783 h 2055410"/>
              <a:gd name="connsiteX2" fmla="*/ 748232 w 1161126"/>
              <a:gd name="connsiteY2" fmla="*/ 529007 h 2055410"/>
              <a:gd name="connsiteX3" fmla="*/ 1142676 w 1161126"/>
              <a:gd name="connsiteY3" fmla="*/ 865273 h 2055410"/>
              <a:gd name="connsiteX4" fmla="*/ 1059458 w 1161126"/>
              <a:gd name="connsiteY4" fmla="*/ 950982 h 2055410"/>
              <a:gd name="connsiteX5" fmla="*/ 734378 w 1161126"/>
              <a:gd name="connsiteY5" fmla="*/ 736825 h 2055410"/>
              <a:gd name="connsiteX6" fmla="*/ 886778 w 1161126"/>
              <a:gd name="connsiteY6" fmla="*/ 1291007 h 2055410"/>
              <a:gd name="connsiteX7" fmla="*/ 692814 w 1161126"/>
              <a:gd name="connsiteY7" fmla="*/ 1803625 h 2055410"/>
              <a:gd name="connsiteX8" fmla="*/ 775941 w 1161126"/>
              <a:gd name="connsiteY8" fmla="*/ 2053007 h 2055410"/>
              <a:gd name="connsiteX9" fmla="*/ 443432 w 1161126"/>
              <a:gd name="connsiteY9" fmla="*/ 1900607 h 2055410"/>
              <a:gd name="connsiteX10" fmla="*/ 692814 w 1161126"/>
              <a:gd name="connsiteY10" fmla="*/ 1443407 h 2055410"/>
              <a:gd name="connsiteX11" fmla="*/ 568123 w 1161126"/>
              <a:gd name="connsiteY11" fmla="*/ 1249443 h 2055410"/>
              <a:gd name="connsiteX12" fmla="*/ 512705 w 1161126"/>
              <a:gd name="connsiteY12" fmla="*/ 1471116 h 2055410"/>
              <a:gd name="connsiteX13" fmla="*/ 207905 w 1161126"/>
              <a:gd name="connsiteY13" fmla="*/ 1789770 h 2055410"/>
              <a:gd name="connsiteX14" fmla="*/ 360305 w 1161126"/>
              <a:gd name="connsiteY14" fmla="*/ 1914461 h 2055410"/>
              <a:gd name="connsiteX15" fmla="*/ 235614 w 1161126"/>
              <a:gd name="connsiteY15" fmla="*/ 1969879 h 2055410"/>
              <a:gd name="connsiteX16" fmla="*/ 87 w 1161126"/>
              <a:gd name="connsiteY16" fmla="*/ 1859043 h 2055410"/>
              <a:gd name="connsiteX17" fmla="*/ 263323 w 1161126"/>
              <a:gd name="connsiteY17" fmla="*/ 1457261 h 2055410"/>
              <a:gd name="connsiteX18" fmla="*/ 401869 w 1161126"/>
              <a:gd name="connsiteY18" fmla="*/ 1110898 h 2055410"/>
              <a:gd name="connsiteX19" fmla="*/ 360305 w 1161126"/>
              <a:gd name="connsiteY19" fmla="*/ 847661 h 2055410"/>
              <a:gd name="connsiteX20" fmla="*/ 471141 w 1161126"/>
              <a:gd name="connsiteY20" fmla="*/ 584425 h 2055410"/>
              <a:gd name="connsiteX21" fmla="*/ 153398 w 1161126"/>
              <a:gd name="connsiteY21" fmla="*/ 137321 h 2055410"/>
              <a:gd name="connsiteX22" fmla="*/ 194050 w 1161126"/>
              <a:gd name="connsiteY22" fmla="*/ 16388 h 2055410"/>
              <a:gd name="connsiteX23" fmla="*/ 498850 w 1161126"/>
              <a:gd name="connsiteY23" fmla="*/ 445879 h 2055410"/>
              <a:gd name="connsiteX24" fmla="*/ 567851 w 1161126"/>
              <a:gd name="connsiteY24" fmla="*/ 348506 h 2055410"/>
              <a:gd name="connsiteX25" fmla="*/ 657860 w 1161126"/>
              <a:gd name="connsiteY25" fmla="*/ 410655 h 2055410"/>
              <a:gd name="connsiteX0" fmla="*/ 658587 w 1111786"/>
              <a:gd name="connsiteY0" fmla="*/ 405098 h 2055410"/>
              <a:gd name="connsiteX1" fmla="*/ 768878 w 1111786"/>
              <a:gd name="connsiteY1" fmla="*/ 435783 h 2055410"/>
              <a:gd name="connsiteX2" fmla="*/ 748232 w 1111786"/>
              <a:gd name="connsiteY2" fmla="*/ 529007 h 2055410"/>
              <a:gd name="connsiteX3" fmla="*/ 1079920 w 1111786"/>
              <a:gd name="connsiteY3" fmla="*/ 812829 h 2055410"/>
              <a:gd name="connsiteX4" fmla="*/ 1059458 w 1111786"/>
              <a:gd name="connsiteY4" fmla="*/ 950982 h 2055410"/>
              <a:gd name="connsiteX5" fmla="*/ 734378 w 1111786"/>
              <a:gd name="connsiteY5" fmla="*/ 736825 h 2055410"/>
              <a:gd name="connsiteX6" fmla="*/ 886778 w 1111786"/>
              <a:gd name="connsiteY6" fmla="*/ 1291007 h 2055410"/>
              <a:gd name="connsiteX7" fmla="*/ 692814 w 1111786"/>
              <a:gd name="connsiteY7" fmla="*/ 1803625 h 2055410"/>
              <a:gd name="connsiteX8" fmla="*/ 775941 w 1111786"/>
              <a:gd name="connsiteY8" fmla="*/ 2053007 h 2055410"/>
              <a:gd name="connsiteX9" fmla="*/ 443432 w 1111786"/>
              <a:gd name="connsiteY9" fmla="*/ 1900607 h 2055410"/>
              <a:gd name="connsiteX10" fmla="*/ 692814 w 1111786"/>
              <a:gd name="connsiteY10" fmla="*/ 1443407 h 2055410"/>
              <a:gd name="connsiteX11" fmla="*/ 568123 w 1111786"/>
              <a:gd name="connsiteY11" fmla="*/ 1249443 h 2055410"/>
              <a:gd name="connsiteX12" fmla="*/ 512705 w 1111786"/>
              <a:gd name="connsiteY12" fmla="*/ 1471116 h 2055410"/>
              <a:gd name="connsiteX13" fmla="*/ 207905 w 1111786"/>
              <a:gd name="connsiteY13" fmla="*/ 1789770 h 2055410"/>
              <a:gd name="connsiteX14" fmla="*/ 360305 w 1111786"/>
              <a:gd name="connsiteY14" fmla="*/ 1914461 h 2055410"/>
              <a:gd name="connsiteX15" fmla="*/ 235614 w 1111786"/>
              <a:gd name="connsiteY15" fmla="*/ 1969879 h 2055410"/>
              <a:gd name="connsiteX16" fmla="*/ 87 w 1111786"/>
              <a:gd name="connsiteY16" fmla="*/ 1859043 h 2055410"/>
              <a:gd name="connsiteX17" fmla="*/ 263323 w 1111786"/>
              <a:gd name="connsiteY17" fmla="*/ 1457261 h 2055410"/>
              <a:gd name="connsiteX18" fmla="*/ 401869 w 1111786"/>
              <a:gd name="connsiteY18" fmla="*/ 1110898 h 2055410"/>
              <a:gd name="connsiteX19" fmla="*/ 360305 w 1111786"/>
              <a:gd name="connsiteY19" fmla="*/ 847661 h 2055410"/>
              <a:gd name="connsiteX20" fmla="*/ 471141 w 1111786"/>
              <a:gd name="connsiteY20" fmla="*/ 584425 h 2055410"/>
              <a:gd name="connsiteX21" fmla="*/ 153398 w 1111786"/>
              <a:gd name="connsiteY21" fmla="*/ 137321 h 2055410"/>
              <a:gd name="connsiteX22" fmla="*/ 194050 w 1111786"/>
              <a:gd name="connsiteY22" fmla="*/ 16388 h 2055410"/>
              <a:gd name="connsiteX23" fmla="*/ 498850 w 1111786"/>
              <a:gd name="connsiteY23" fmla="*/ 445879 h 2055410"/>
              <a:gd name="connsiteX24" fmla="*/ 567851 w 1111786"/>
              <a:gd name="connsiteY24" fmla="*/ 348506 h 2055410"/>
              <a:gd name="connsiteX25" fmla="*/ 657860 w 1111786"/>
              <a:gd name="connsiteY25" fmla="*/ 410655 h 2055410"/>
              <a:gd name="connsiteX0" fmla="*/ 658587 w 1088740"/>
              <a:gd name="connsiteY0" fmla="*/ 405098 h 2055410"/>
              <a:gd name="connsiteX1" fmla="*/ 768878 w 1088740"/>
              <a:gd name="connsiteY1" fmla="*/ 435783 h 2055410"/>
              <a:gd name="connsiteX2" fmla="*/ 748232 w 1088740"/>
              <a:gd name="connsiteY2" fmla="*/ 529007 h 2055410"/>
              <a:gd name="connsiteX3" fmla="*/ 1038083 w 1088740"/>
              <a:gd name="connsiteY3" fmla="*/ 833807 h 2055410"/>
              <a:gd name="connsiteX4" fmla="*/ 1059458 w 1088740"/>
              <a:gd name="connsiteY4" fmla="*/ 950982 h 2055410"/>
              <a:gd name="connsiteX5" fmla="*/ 734378 w 1088740"/>
              <a:gd name="connsiteY5" fmla="*/ 736825 h 2055410"/>
              <a:gd name="connsiteX6" fmla="*/ 886778 w 1088740"/>
              <a:gd name="connsiteY6" fmla="*/ 1291007 h 2055410"/>
              <a:gd name="connsiteX7" fmla="*/ 692814 w 1088740"/>
              <a:gd name="connsiteY7" fmla="*/ 1803625 h 2055410"/>
              <a:gd name="connsiteX8" fmla="*/ 775941 w 1088740"/>
              <a:gd name="connsiteY8" fmla="*/ 2053007 h 2055410"/>
              <a:gd name="connsiteX9" fmla="*/ 443432 w 1088740"/>
              <a:gd name="connsiteY9" fmla="*/ 1900607 h 2055410"/>
              <a:gd name="connsiteX10" fmla="*/ 692814 w 1088740"/>
              <a:gd name="connsiteY10" fmla="*/ 1443407 h 2055410"/>
              <a:gd name="connsiteX11" fmla="*/ 568123 w 1088740"/>
              <a:gd name="connsiteY11" fmla="*/ 1249443 h 2055410"/>
              <a:gd name="connsiteX12" fmla="*/ 512705 w 1088740"/>
              <a:gd name="connsiteY12" fmla="*/ 1471116 h 2055410"/>
              <a:gd name="connsiteX13" fmla="*/ 207905 w 1088740"/>
              <a:gd name="connsiteY13" fmla="*/ 1789770 h 2055410"/>
              <a:gd name="connsiteX14" fmla="*/ 360305 w 1088740"/>
              <a:gd name="connsiteY14" fmla="*/ 1914461 h 2055410"/>
              <a:gd name="connsiteX15" fmla="*/ 235614 w 1088740"/>
              <a:gd name="connsiteY15" fmla="*/ 1969879 h 2055410"/>
              <a:gd name="connsiteX16" fmla="*/ 87 w 1088740"/>
              <a:gd name="connsiteY16" fmla="*/ 1859043 h 2055410"/>
              <a:gd name="connsiteX17" fmla="*/ 263323 w 1088740"/>
              <a:gd name="connsiteY17" fmla="*/ 1457261 h 2055410"/>
              <a:gd name="connsiteX18" fmla="*/ 401869 w 1088740"/>
              <a:gd name="connsiteY18" fmla="*/ 1110898 h 2055410"/>
              <a:gd name="connsiteX19" fmla="*/ 360305 w 1088740"/>
              <a:gd name="connsiteY19" fmla="*/ 847661 h 2055410"/>
              <a:gd name="connsiteX20" fmla="*/ 471141 w 1088740"/>
              <a:gd name="connsiteY20" fmla="*/ 584425 h 2055410"/>
              <a:gd name="connsiteX21" fmla="*/ 153398 w 1088740"/>
              <a:gd name="connsiteY21" fmla="*/ 137321 h 2055410"/>
              <a:gd name="connsiteX22" fmla="*/ 194050 w 1088740"/>
              <a:gd name="connsiteY22" fmla="*/ 16388 h 2055410"/>
              <a:gd name="connsiteX23" fmla="*/ 498850 w 1088740"/>
              <a:gd name="connsiteY23" fmla="*/ 445879 h 2055410"/>
              <a:gd name="connsiteX24" fmla="*/ 567851 w 1088740"/>
              <a:gd name="connsiteY24" fmla="*/ 348506 h 2055410"/>
              <a:gd name="connsiteX25" fmla="*/ 657860 w 1088740"/>
              <a:gd name="connsiteY25" fmla="*/ 410655 h 2055410"/>
              <a:gd name="connsiteX0" fmla="*/ 658587 w 1088740"/>
              <a:gd name="connsiteY0" fmla="*/ 405098 h 2055410"/>
              <a:gd name="connsiteX1" fmla="*/ 768878 w 1088740"/>
              <a:gd name="connsiteY1" fmla="*/ 435783 h 2055410"/>
              <a:gd name="connsiteX2" fmla="*/ 748232 w 1088740"/>
              <a:gd name="connsiteY2" fmla="*/ 529007 h 2055410"/>
              <a:gd name="connsiteX3" fmla="*/ 1038083 w 1088740"/>
              <a:gd name="connsiteY3" fmla="*/ 833807 h 2055410"/>
              <a:gd name="connsiteX4" fmla="*/ 1059458 w 1088740"/>
              <a:gd name="connsiteY4" fmla="*/ 950982 h 2055410"/>
              <a:gd name="connsiteX5" fmla="*/ 734378 w 1088740"/>
              <a:gd name="connsiteY5" fmla="*/ 736825 h 2055410"/>
              <a:gd name="connsiteX6" fmla="*/ 837968 w 1088740"/>
              <a:gd name="connsiteY6" fmla="*/ 1291007 h 2055410"/>
              <a:gd name="connsiteX7" fmla="*/ 692814 w 1088740"/>
              <a:gd name="connsiteY7" fmla="*/ 1803625 h 2055410"/>
              <a:gd name="connsiteX8" fmla="*/ 775941 w 1088740"/>
              <a:gd name="connsiteY8" fmla="*/ 2053007 h 2055410"/>
              <a:gd name="connsiteX9" fmla="*/ 443432 w 1088740"/>
              <a:gd name="connsiteY9" fmla="*/ 1900607 h 2055410"/>
              <a:gd name="connsiteX10" fmla="*/ 692814 w 1088740"/>
              <a:gd name="connsiteY10" fmla="*/ 1443407 h 2055410"/>
              <a:gd name="connsiteX11" fmla="*/ 568123 w 1088740"/>
              <a:gd name="connsiteY11" fmla="*/ 1249443 h 2055410"/>
              <a:gd name="connsiteX12" fmla="*/ 512705 w 1088740"/>
              <a:gd name="connsiteY12" fmla="*/ 1471116 h 2055410"/>
              <a:gd name="connsiteX13" fmla="*/ 207905 w 1088740"/>
              <a:gd name="connsiteY13" fmla="*/ 1789770 h 2055410"/>
              <a:gd name="connsiteX14" fmla="*/ 360305 w 1088740"/>
              <a:gd name="connsiteY14" fmla="*/ 1914461 h 2055410"/>
              <a:gd name="connsiteX15" fmla="*/ 235614 w 1088740"/>
              <a:gd name="connsiteY15" fmla="*/ 1969879 h 2055410"/>
              <a:gd name="connsiteX16" fmla="*/ 87 w 1088740"/>
              <a:gd name="connsiteY16" fmla="*/ 1859043 h 2055410"/>
              <a:gd name="connsiteX17" fmla="*/ 263323 w 1088740"/>
              <a:gd name="connsiteY17" fmla="*/ 1457261 h 2055410"/>
              <a:gd name="connsiteX18" fmla="*/ 401869 w 1088740"/>
              <a:gd name="connsiteY18" fmla="*/ 1110898 h 2055410"/>
              <a:gd name="connsiteX19" fmla="*/ 360305 w 1088740"/>
              <a:gd name="connsiteY19" fmla="*/ 847661 h 2055410"/>
              <a:gd name="connsiteX20" fmla="*/ 471141 w 1088740"/>
              <a:gd name="connsiteY20" fmla="*/ 584425 h 2055410"/>
              <a:gd name="connsiteX21" fmla="*/ 153398 w 1088740"/>
              <a:gd name="connsiteY21" fmla="*/ 137321 h 2055410"/>
              <a:gd name="connsiteX22" fmla="*/ 194050 w 1088740"/>
              <a:gd name="connsiteY22" fmla="*/ 16388 h 2055410"/>
              <a:gd name="connsiteX23" fmla="*/ 498850 w 1088740"/>
              <a:gd name="connsiteY23" fmla="*/ 445879 h 2055410"/>
              <a:gd name="connsiteX24" fmla="*/ 567851 w 1088740"/>
              <a:gd name="connsiteY24" fmla="*/ 348506 h 2055410"/>
              <a:gd name="connsiteX25" fmla="*/ 657860 w 1088740"/>
              <a:gd name="connsiteY25" fmla="*/ 410655 h 2055410"/>
              <a:gd name="connsiteX0" fmla="*/ 658587 w 1088740"/>
              <a:gd name="connsiteY0" fmla="*/ 405098 h 2094577"/>
              <a:gd name="connsiteX1" fmla="*/ 768878 w 1088740"/>
              <a:gd name="connsiteY1" fmla="*/ 435783 h 2094577"/>
              <a:gd name="connsiteX2" fmla="*/ 748232 w 1088740"/>
              <a:gd name="connsiteY2" fmla="*/ 529007 h 2094577"/>
              <a:gd name="connsiteX3" fmla="*/ 1038083 w 1088740"/>
              <a:gd name="connsiteY3" fmla="*/ 833807 h 2094577"/>
              <a:gd name="connsiteX4" fmla="*/ 1059458 w 1088740"/>
              <a:gd name="connsiteY4" fmla="*/ 950982 h 2094577"/>
              <a:gd name="connsiteX5" fmla="*/ 734378 w 1088740"/>
              <a:gd name="connsiteY5" fmla="*/ 736825 h 2094577"/>
              <a:gd name="connsiteX6" fmla="*/ 837968 w 1088740"/>
              <a:gd name="connsiteY6" fmla="*/ 1291007 h 2094577"/>
              <a:gd name="connsiteX7" fmla="*/ 692814 w 1088740"/>
              <a:gd name="connsiteY7" fmla="*/ 1803625 h 2094577"/>
              <a:gd name="connsiteX8" fmla="*/ 775941 w 1088740"/>
              <a:gd name="connsiteY8" fmla="*/ 2053007 h 2094577"/>
              <a:gd name="connsiteX9" fmla="*/ 443432 w 1088740"/>
              <a:gd name="connsiteY9" fmla="*/ 1900607 h 2094577"/>
              <a:gd name="connsiteX10" fmla="*/ 692814 w 1088740"/>
              <a:gd name="connsiteY10" fmla="*/ 1443407 h 2094577"/>
              <a:gd name="connsiteX11" fmla="*/ 568123 w 1088740"/>
              <a:gd name="connsiteY11" fmla="*/ 1249443 h 2094577"/>
              <a:gd name="connsiteX12" fmla="*/ 512705 w 1088740"/>
              <a:gd name="connsiteY12" fmla="*/ 1471116 h 2094577"/>
              <a:gd name="connsiteX13" fmla="*/ 207905 w 1088740"/>
              <a:gd name="connsiteY13" fmla="*/ 1789770 h 2094577"/>
              <a:gd name="connsiteX14" fmla="*/ 360305 w 1088740"/>
              <a:gd name="connsiteY14" fmla="*/ 1914461 h 2094577"/>
              <a:gd name="connsiteX15" fmla="*/ 235614 w 1088740"/>
              <a:gd name="connsiteY15" fmla="*/ 1969879 h 2094577"/>
              <a:gd name="connsiteX16" fmla="*/ 87 w 1088740"/>
              <a:gd name="connsiteY16" fmla="*/ 1859043 h 2094577"/>
              <a:gd name="connsiteX17" fmla="*/ 263323 w 1088740"/>
              <a:gd name="connsiteY17" fmla="*/ 1457261 h 2094577"/>
              <a:gd name="connsiteX18" fmla="*/ 401869 w 1088740"/>
              <a:gd name="connsiteY18" fmla="*/ 1110898 h 2094577"/>
              <a:gd name="connsiteX19" fmla="*/ 360305 w 1088740"/>
              <a:gd name="connsiteY19" fmla="*/ 847661 h 2094577"/>
              <a:gd name="connsiteX20" fmla="*/ 471141 w 1088740"/>
              <a:gd name="connsiteY20" fmla="*/ 584425 h 2094577"/>
              <a:gd name="connsiteX21" fmla="*/ 153398 w 1088740"/>
              <a:gd name="connsiteY21" fmla="*/ 137321 h 2094577"/>
              <a:gd name="connsiteX22" fmla="*/ 194050 w 1088740"/>
              <a:gd name="connsiteY22" fmla="*/ 16388 h 2094577"/>
              <a:gd name="connsiteX23" fmla="*/ 498850 w 1088740"/>
              <a:gd name="connsiteY23" fmla="*/ 445879 h 2094577"/>
              <a:gd name="connsiteX24" fmla="*/ 567851 w 1088740"/>
              <a:gd name="connsiteY24" fmla="*/ 348506 h 2094577"/>
              <a:gd name="connsiteX25" fmla="*/ 657860 w 1088740"/>
              <a:gd name="connsiteY25" fmla="*/ 410655 h 2094577"/>
              <a:gd name="connsiteX0" fmla="*/ 658587 w 1088740"/>
              <a:gd name="connsiteY0" fmla="*/ 405098 h 2073270"/>
              <a:gd name="connsiteX1" fmla="*/ 768878 w 1088740"/>
              <a:gd name="connsiteY1" fmla="*/ 435783 h 2073270"/>
              <a:gd name="connsiteX2" fmla="*/ 748232 w 1088740"/>
              <a:gd name="connsiteY2" fmla="*/ 529007 h 2073270"/>
              <a:gd name="connsiteX3" fmla="*/ 1038083 w 1088740"/>
              <a:gd name="connsiteY3" fmla="*/ 833807 h 2073270"/>
              <a:gd name="connsiteX4" fmla="*/ 1059458 w 1088740"/>
              <a:gd name="connsiteY4" fmla="*/ 950982 h 2073270"/>
              <a:gd name="connsiteX5" fmla="*/ 734378 w 1088740"/>
              <a:gd name="connsiteY5" fmla="*/ 736825 h 2073270"/>
              <a:gd name="connsiteX6" fmla="*/ 837968 w 1088740"/>
              <a:gd name="connsiteY6" fmla="*/ 1291007 h 2073270"/>
              <a:gd name="connsiteX7" fmla="*/ 692814 w 1088740"/>
              <a:gd name="connsiteY7" fmla="*/ 1803625 h 2073270"/>
              <a:gd name="connsiteX8" fmla="*/ 775941 w 1088740"/>
              <a:gd name="connsiteY8" fmla="*/ 2053007 h 2073270"/>
              <a:gd name="connsiteX9" fmla="*/ 443432 w 1088740"/>
              <a:gd name="connsiteY9" fmla="*/ 1900607 h 2073270"/>
              <a:gd name="connsiteX10" fmla="*/ 692814 w 1088740"/>
              <a:gd name="connsiteY10" fmla="*/ 1443407 h 2073270"/>
              <a:gd name="connsiteX11" fmla="*/ 568123 w 1088740"/>
              <a:gd name="connsiteY11" fmla="*/ 1249443 h 2073270"/>
              <a:gd name="connsiteX12" fmla="*/ 512705 w 1088740"/>
              <a:gd name="connsiteY12" fmla="*/ 1471116 h 2073270"/>
              <a:gd name="connsiteX13" fmla="*/ 207905 w 1088740"/>
              <a:gd name="connsiteY13" fmla="*/ 1789770 h 2073270"/>
              <a:gd name="connsiteX14" fmla="*/ 360305 w 1088740"/>
              <a:gd name="connsiteY14" fmla="*/ 1914461 h 2073270"/>
              <a:gd name="connsiteX15" fmla="*/ 235614 w 1088740"/>
              <a:gd name="connsiteY15" fmla="*/ 1969879 h 2073270"/>
              <a:gd name="connsiteX16" fmla="*/ 87 w 1088740"/>
              <a:gd name="connsiteY16" fmla="*/ 1859043 h 2073270"/>
              <a:gd name="connsiteX17" fmla="*/ 263323 w 1088740"/>
              <a:gd name="connsiteY17" fmla="*/ 1457261 h 2073270"/>
              <a:gd name="connsiteX18" fmla="*/ 401869 w 1088740"/>
              <a:gd name="connsiteY18" fmla="*/ 1110898 h 2073270"/>
              <a:gd name="connsiteX19" fmla="*/ 360305 w 1088740"/>
              <a:gd name="connsiteY19" fmla="*/ 847661 h 2073270"/>
              <a:gd name="connsiteX20" fmla="*/ 471141 w 1088740"/>
              <a:gd name="connsiteY20" fmla="*/ 584425 h 2073270"/>
              <a:gd name="connsiteX21" fmla="*/ 153398 w 1088740"/>
              <a:gd name="connsiteY21" fmla="*/ 137321 h 2073270"/>
              <a:gd name="connsiteX22" fmla="*/ 194050 w 1088740"/>
              <a:gd name="connsiteY22" fmla="*/ 16388 h 2073270"/>
              <a:gd name="connsiteX23" fmla="*/ 498850 w 1088740"/>
              <a:gd name="connsiteY23" fmla="*/ 445879 h 2073270"/>
              <a:gd name="connsiteX24" fmla="*/ 567851 w 1088740"/>
              <a:gd name="connsiteY24" fmla="*/ 348506 h 2073270"/>
              <a:gd name="connsiteX25" fmla="*/ 657860 w 1088740"/>
              <a:gd name="connsiteY25" fmla="*/ 410655 h 2073270"/>
              <a:gd name="connsiteX0" fmla="*/ 658587 w 1088740"/>
              <a:gd name="connsiteY0" fmla="*/ 405098 h 2053582"/>
              <a:gd name="connsiteX1" fmla="*/ 768878 w 1088740"/>
              <a:gd name="connsiteY1" fmla="*/ 435783 h 2053582"/>
              <a:gd name="connsiteX2" fmla="*/ 748232 w 1088740"/>
              <a:gd name="connsiteY2" fmla="*/ 529007 h 2053582"/>
              <a:gd name="connsiteX3" fmla="*/ 1038083 w 1088740"/>
              <a:gd name="connsiteY3" fmla="*/ 833807 h 2053582"/>
              <a:gd name="connsiteX4" fmla="*/ 1059458 w 1088740"/>
              <a:gd name="connsiteY4" fmla="*/ 950982 h 2053582"/>
              <a:gd name="connsiteX5" fmla="*/ 734378 w 1088740"/>
              <a:gd name="connsiteY5" fmla="*/ 736825 h 2053582"/>
              <a:gd name="connsiteX6" fmla="*/ 837968 w 1088740"/>
              <a:gd name="connsiteY6" fmla="*/ 1291007 h 2053582"/>
              <a:gd name="connsiteX7" fmla="*/ 692814 w 1088740"/>
              <a:gd name="connsiteY7" fmla="*/ 1803625 h 2053582"/>
              <a:gd name="connsiteX8" fmla="*/ 775941 w 1088740"/>
              <a:gd name="connsiteY8" fmla="*/ 2053007 h 2053582"/>
              <a:gd name="connsiteX9" fmla="*/ 561970 w 1088740"/>
              <a:gd name="connsiteY9" fmla="*/ 1858652 h 2053582"/>
              <a:gd name="connsiteX10" fmla="*/ 692814 w 1088740"/>
              <a:gd name="connsiteY10" fmla="*/ 1443407 h 2053582"/>
              <a:gd name="connsiteX11" fmla="*/ 568123 w 1088740"/>
              <a:gd name="connsiteY11" fmla="*/ 1249443 h 2053582"/>
              <a:gd name="connsiteX12" fmla="*/ 512705 w 1088740"/>
              <a:gd name="connsiteY12" fmla="*/ 1471116 h 2053582"/>
              <a:gd name="connsiteX13" fmla="*/ 207905 w 1088740"/>
              <a:gd name="connsiteY13" fmla="*/ 1789770 h 2053582"/>
              <a:gd name="connsiteX14" fmla="*/ 360305 w 1088740"/>
              <a:gd name="connsiteY14" fmla="*/ 1914461 h 2053582"/>
              <a:gd name="connsiteX15" fmla="*/ 235614 w 1088740"/>
              <a:gd name="connsiteY15" fmla="*/ 1969879 h 2053582"/>
              <a:gd name="connsiteX16" fmla="*/ 87 w 1088740"/>
              <a:gd name="connsiteY16" fmla="*/ 1859043 h 2053582"/>
              <a:gd name="connsiteX17" fmla="*/ 263323 w 1088740"/>
              <a:gd name="connsiteY17" fmla="*/ 1457261 h 2053582"/>
              <a:gd name="connsiteX18" fmla="*/ 401869 w 1088740"/>
              <a:gd name="connsiteY18" fmla="*/ 1110898 h 2053582"/>
              <a:gd name="connsiteX19" fmla="*/ 360305 w 1088740"/>
              <a:gd name="connsiteY19" fmla="*/ 847661 h 2053582"/>
              <a:gd name="connsiteX20" fmla="*/ 471141 w 1088740"/>
              <a:gd name="connsiteY20" fmla="*/ 584425 h 2053582"/>
              <a:gd name="connsiteX21" fmla="*/ 153398 w 1088740"/>
              <a:gd name="connsiteY21" fmla="*/ 137321 h 2053582"/>
              <a:gd name="connsiteX22" fmla="*/ 194050 w 1088740"/>
              <a:gd name="connsiteY22" fmla="*/ 16388 h 2053582"/>
              <a:gd name="connsiteX23" fmla="*/ 498850 w 1088740"/>
              <a:gd name="connsiteY23" fmla="*/ 445879 h 2053582"/>
              <a:gd name="connsiteX24" fmla="*/ 567851 w 1088740"/>
              <a:gd name="connsiteY24" fmla="*/ 348506 h 2053582"/>
              <a:gd name="connsiteX25" fmla="*/ 657860 w 1088740"/>
              <a:gd name="connsiteY25" fmla="*/ 410655 h 2053582"/>
              <a:gd name="connsiteX0" fmla="*/ 658587 w 1088740"/>
              <a:gd name="connsiteY0" fmla="*/ 405098 h 2074470"/>
              <a:gd name="connsiteX1" fmla="*/ 768878 w 1088740"/>
              <a:gd name="connsiteY1" fmla="*/ 435783 h 2074470"/>
              <a:gd name="connsiteX2" fmla="*/ 748232 w 1088740"/>
              <a:gd name="connsiteY2" fmla="*/ 529007 h 2074470"/>
              <a:gd name="connsiteX3" fmla="*/ 1038083 w 1088740"/>
              <a:gd name="connsiteY3" fmla="*/ 833807 h 2074470"/>
              <a:gd name="connsiteX4" fmla="*/ 1059458 w 1088740"/>
              <a:gd name="connsiteY4" fmla="*/ 950982 h 2074470"/>
              <a:gd name="connsiteX5" fmla="*/ 734378 w 1088740"/>
              <a:gd name="connsiteY5" fmla="*/ 736825 h 2074470"/>
              <a:gd name="connsiteX6" fmla="*/ 837968 w 1088740"/>
              <a:gd name="connsiteY6" fmla="*/ 1291007 h 2074470"/>
              <a:gd name="connsiteX7" fmla="*/ 692814 w 1088740"/>
              <a:gd name="connsiteY7" fmla="*/ 1803625 h 2074470"/>
              <a:gd name="connsiteX8" fmla="*/ 775941 w 1088740"/>
              <a:gd name="connsiteY8" fmla="*/ 2053007 h 2074470"/>
              <a:gd name="connsiteX9" fmla="*/ 561970 w 1088740"/>
              <a:gd name="connsiteY9" fmla="*/ 1858652 h 2074470"/>
              <a:gd name="connsiteX10" fmla="*/ 692814 w 1088740"/>
              <a:gd name="connsiteY10" fmla="*/ 1443407 h 2074470"/>
              <a:gd name="connsiteX11" fmla="*/ 568123 w 1088740"/>
              <a:gd name="connsiteY11" fmla="*/ 1249443 h 2074470"/>
              <a:gd name="connsiteX12" fmla="*/ 512705 w 1088740"/>
              <a:gd name="connsiteY12" fmla="*/ 1471116 h 2074470"/>
              <a:gd name="connsiteX13" fmla="*/ 207905 w 1088740"/>
              <a:gd name="connsiteY13" fmla="*/ 1789770 h 2074470"/>
              <a:gd name="connsiteX14" fmla="*/ 360305 w 1088740"/>
              <a:gd name="connsiteY14" fmla="*/ 1914461 h 2074470"/>
              <a:gd name="connsiteX15" fmla="*/ 235614 w 1088740"/>
              <a:gd name="connsiteY15" fmla="*/ 1969879 h 2074470"/>
              <a:gd name="connsiteX16" fmla="*/ 87 w 1088740"/>
              <a:gd name="connsiteY16" fmla="*/ 1859043 h 2074470"/>
              <a:gd name="connsiteX17" fmla="*/ 263323 w 1088740"/>
              <a:gd name="connsiteY17" fmla="*/ 1457261 h 2074470"/>
              <a:gd name="connsiteX18" fmla="*/ 401869 w 1088740"/>
              <a:gd name="connsiteY18" fmla="*/ 1110898 h 2074470"/>
              <a:gd name="connsiteX19" fmla="*/ 360305 w 1088740"/>
              <a:gd name="connsiteY19" fmla="*/ 847661 h 2074470"/>
              <a:gd name="connsiteX20" fmla="*/ 471141 w 1088740"/>
              <a:gd name="connsiteY20" fmla="*/ 584425 h 2074470"/>
              <a:gd name="connsiteX21" fmla="*/ 153398 w 1088740"/>
              <a:gd name="connsiteY21" fmla="*/ 137321 h 2074470"/>
              <a:gd name="connsiteX22" fmla="*/ 194050 w 1088740"/>
              <a:gd name="connsiteY22" fmla="*/ 16388 h 2074470"/>
              <a:gd name="connsiteX23" fmla="*/ 498850 w 1088740"/>
              <a:gd name="connsiteY23" fmla="*/ 445879 h 2074470"/>
              <a:gd name="connsiteX24" fmla="*/ 567851 w 1088740"/>
              <a:gd name="connsiteY24" fmla="*/ 348506 h 2074470"/>
              <a:gd name="connsiteX25" fmla="*/ 657860 w 1088740"/>
              <a:gd name="connsiteY25" fmla="*/ 410655 h 2074470"/>
              <a:gd name="connsiteX0" fmla="*/ 658588 w 1088741"/>
              <a:gd name="connsiteY0" fmla="*/ 405098 h 2074470"/>
              <a:gd name="connsiteX1" fmla="*/ 768879 w 1088741"/>
              <a:gd name="connsiteY1" fmla="*/ 435783 h 2074470"/>
              <a:gd name="connsiteX2" fmla="*/ 748233 w 1088741"/>
              <a:gd name="connsiteY2" fmla="*/ 529007 h 2074470"/>
              <a:gd name="connsiteX3" fmla="*/ 1038084 w 1088741"/>
              <a:gd name="connsiteY3" fmla="*/ 833807 h 2074470"/>
              <a:gd name="connsiteX4" fmla="*/ 1059459 w 1088741"/>
              <a:gd name="connsiteY4" fmla="*/ 950982 h 2074470"/>
              <a:gd name="connsiteX5" fmla="*/ 734379 w 1088741"/>
              <a:gd name="connsiteY5" fmla="*/ 736825 h 2074470"/>
              <a:gd name="connsiteX6" fmla="*/ 837969 w 1088741"/>
              <a:gd name="connsiteY6" fmla="*/ 1291007 h 2074470"/>
              <a:gd name="connsiteX7" fmla="*/ 692815 w 1088741"/>
              <a:gd name="connsiteY7" fmla="*/ 1803625 h 2074470"/>
              <a:gd name="connsiteX8" fmla="*/ 775942 w 1088741"/>
              <a:gd name="connsiteY8" fmla="*/ 2053007 h 2074470"/>
              <a:gd name="connsiteX9" fmla="*/ 561971 w 1088741"/>
              <a:gd name="connsiteY9" fmla="*/ 1858652 h 2074470"/>
              <a:gd name="connsiteX10" fmla="*/ 692815 w 1088741"/>
              <a:gd name="connsiteY10" fmla="*/ 1443407 h 2074470"/>
              <a:gd name="connsiteX11" fmla="*/ 568124 w 1088741"/>
              <a:gd name="connsiteY11" fmla="*/ 1249443 h 2074470"/>
              <a:gd name="connsiteX12" fmla="*/ 512706 w 1088741"/>
              <a:gd name="connsiteY12" fmla="*/ 1471116 h 2074470"/>
              <a:gd name="connsiteX13" fmla="*/ 207906 w 1088741"/>
              <a:gd name="connsiteY13" fmla="*/ 1789770 h 2074470"/>
              <a:gd name="connsiteX14" fmla="*/ 381224 w 1088741"/>
              <a:gd name="connsiteY14" fmla="*/ 1914461 h 2074470"/>
              <a:gd name="connsiteX15" fmla="*/ 235615 w 1088741"/>
              <a:gd name="connsiteY15" fmla="*/ 1969879 h 2074470"/>
              <a:gd name="connsiteX16" fmla="*/ 88 w 1088741"/>
              <a:gd name="connsiteY16" fmla="*/ 1859043 h 2074470"/>
              <a:gd name="connsiteX17" fmla="*/ 263324 w 1088741"/>
              <a:gd name="connsiteY17" fmla="*/ 1457261 h 2074470"/>
              <a:gd name="connsiteX18" fmla="*/ 401870 w 1088741"/>
              <a:gd name="connsiteY18" fmla="*/ 1110898 h 2074470"/>
              <a:gd name="connsiteX19" fmla="*/ 360306 w 1088741"/>
              <a:gd name="connsiteY19" fmla="*/ 847661 h 2074470"/>
              <a:gd name="connsiteX20" fmla="*/ 471142 w 1088741"/>
              <a:gd name="connsiteY20" fmla="*/ 584425 h 2074470"/>
              <a:gd name="connsiteX21" fmla="*/ 153399 w 1088741"/>
              <a:gd name="connsiteY21" fmla="*/ 137321 h 2074470"/>
              <a:gd name="connsiteX22" fmla="*/ 194051 w 1088741"/>
              <a:gd name="connsiteY22" fmla="*/ 16388 h 2074470"/>
              <a:gd name="connsiteX23" fmla="*/ 498851 w 1088741"/>
              <a:gd name="connsiteY23" fmla="*/ 445879 h 2074470"/>
              <a:gd name="connsiteX24" fmla="*/ 567852 w 1088741"/>
              <a:gd name="connsiteY24" fmla="*/ 348506 h 2074470"/>
              <a:gd name="connsiteX25" fmla="*/ 657861 w 1088741"/>
              <a:gd name="connsiteY25" fmla="*/ 410655 h 2074470"/>
              <a:gd name="connsiteX0" fmla="*/ 658588 w 1088741"/>
              <a:gd name="connsiteY0" fmla="*/ 405098 h 2074470"/>
              <a:gd name="connsiteX1" fmla="*/ 768879 w 1088741"/>
              <a:gd name="connsiteY1" fmla="*/ 435783 h 2074470"/>
              <a:gd name="connsiteX2" fmla="*/ 748233 w 1088741"/>
              <a:gd name="connsiteY2" fmla="*/ 529007 h 2074470"/>
              <a:gd name="connsiteX3" fmla="*/ 1038084 w 1088741"/>
              <a:gd name="connsiteY3" fmla="*/ 833807 h 2074470"/>
              <a:gd name="connsiteX4" fmla="*/ 1059459 w 1088741"/>
              <a:gd name="connsiteY4" fmla="*/ 950982 h 2074470"/>
              <a:gd name="connsiteX5" fmla="*/ 734379 w 1088741"/>
              <a:gd name="connsiteY5" fmla="*/ 736825 h 2074470"/>
              <a:gd name="connsiteX6" fmla="*/ 837969 w 1088741"/>
              <a:gd name="connsiteY6" fmla="*/ 1291007 h 2074470"/>
              <a:gd name="connsiteX7" fmla="*/ 692815 w 1088741"/>
              <a:gd name="connsiteY7" fmla="*/ 1803625 h 2074470"/>
              <a:gd name="connsiteX8" fmla="*/ 775942 w 1088741"/>
              <a:gd name="connsiteY8" fmla="*/ 2053007 h 2074470"/>
              <a:gd name="connsiteX9" fmla="*/ 561971 w 1088741"/>
              <a:gd name="connsiteY9" fmla="*/ 1858652 h 2074470"/>
              <a:gd name="connsiteX10" fmla="*/ 692815 w 1088741"/>
              <a:gd name="connsiteY10" fmla="*/ 1443407 h 2074470"/>
              <a:gd name="connsiteX11" fmla="*/ 568124 w 1088741"/>
              <a:gd name="connsiteY11" fmla="*/ 1249443 h 2074470"/>
              <a:gd name="connsiteX12" fmla="*/ 512706 w 1088741"/>
              <a:gd name="connsiteY12" fmla="*/ 1471116 h 2074470"/>
              <a:gd name="connsiteX13" fmla="*/ 207906 w 1088741"/>
              <a:gd name="connsiteY13" fmla="*/ 1789770 h 2074470"/>
              <a:gd name="connsiteX14" fmla="*/ 381224 w 1088741"/>
              <a:gd name="connsiteY14" fmla="*/ 1914461 h 2074470"/>
              <a:gd name="connsiteX15" fmla="*/ 235615 w 1088741"/>
              <a:gd name="connsiteY15" fmla="*/ 1969879 h 2074470"/>
              <a:gd name="connsiteX16" fmla="*/ 88 w 1088741"/>
              <a:gd name="connsiteY16" fmla="*/ 1859043 h 2074470"/>
              <a:gd name="connsiteX17" fmla="*/ 263324 w 1088741"/>
              <a:gd name="connsiteY17" fmla="*/ 1457261 h 2074470"/>
              <a:gd name="connsiteX18" fmla="*/ 401870 w 1088741"/>
              <a:gd name="connsiteY18" fmla="*/ 1110898 h 2074470"/>
              <a:gd name="connsiteX19" fmla="*/ 360306 w 1088741"/>
              <a:gd name="connsiteY19" fmla="*/ 847661 h 2074470"/>
              <a:gd name="connsiteX20" fmla="*/ 471142 w 1088741"/>
              <a:gd name="connsiteY20" fmla="*/ 584425 h 2074470"/>
              <a:gd name="connsiteX21" fmla="*/ 153399 w 1088741"/>
              <a:gd name="connsiteY21" fmla="*/ 137321 h 2074470"/>
              <a:gd name="connsiteX22" fmla="*/ 194051 w 1088741"/>
              <a:gd name="connsiteY22" fmla="*/ 16388 h 2074470"/>
              <a:gd name="connsiteX23" fmla="*/ 498851 w 1088741"/>
              <a:gd name="connsiteY23" fmla="*/ 445879 h 2074470"/>
              <a:gd name="connsiteX24" fmla="*/ 567852 w 1088741"/>
              <a:gd name="connsiteY24" fmla="*/ 348506 h 2074470"/>
              <a:gd name="connsiteX25" fmla="*/ 657861 w 1088741"/>
              <a:gd name="connsiteY25" fmla="*/ 410655 h 2074470"/>
              <a:gd name="connsiteX0" fmla="*/ 595870 w 1026023"/>
              <a:gd name="connsiteY0" fmla="*/ 405098 h 2074470"/>
              <a:gd name="connsiteX1" fmla="*/ 706161 w 1026023"/>
              <a:gd name="connsiteY1" fmla="*/ 435783 h 2074470"/>
              <a:gd name="connsiteX2" fmla="*/ 685515 w 1026023"/>
              <a:gd name="connsiteY2" fmla="*/ 529007 h 2074470"/>
              <a:gd name="connsiteX3" fmla="*/ 975366 w 1026023"/>
              <a:gd name="connsiteY3" fmla="*/ 833807 h 2074470"/>
              <a:gd name="connsiteX4" fmla="*/ 996741 w 1026023"/>
              <a:gd name="connsiteY4" fmla="*/ 950982 h 2074470"/>
              <a:gd name="connsiteX5" fmla="*/ 671661 w 1026023"/>
              <a:gd name="connsiteY5" fmla="*/ 736825 h 2074470"/>
              <a:gd name="connsiteX6" fmla="*/ 775251 w 1026023"/>
              <a:gd name="connsiteY6" fmla="*/ 1291007 h 2074470"/>
              <a:gd name="connsiteX7" fmla="*/ 630097 w 1026023"/>
              <a:gd name="connsiteY7" fmla="*/ 1803625 h 2074470"/>
              <a:gd name="connsiteX8" fmla="*/ 713224 w 1026023"/>
              <a:gd name="connsiteY8" fmla="*/ 2053007 h 2074470"/>
              <a:gd name="connsiteX9" fmla="*/ 499253 w 1026023"/>
              <a:gd name="connsiteY9" fmla="*/ 1858652 h 2074470"/>
              <a:gd name="connsiteX10" fmla="*/ 630097 w 1026023"/>
              <a:gd name="connsiteY10" fmla="*/ 1443407 h 2074470"/>
              <a:gd name="connsiteX11" fmla="*/ 505406 w 1026023"/>
              <a:gd name="connsiteY11" fmla="*/ 1249443 h 2074470"/>
              <a:gd name="connsiteX12" fmla="*/ 449988 w 1026023"/>
              <a:gd name="connsiteY12" fmla="*/ 1471116 h 2074470"/>
              <a:gd name="connsiteX13" fmla="*/ 145188 w 1026023"/>
              <a:gd name="connsiteY13" fmla="*/ 1789770 h 2074470"/>
              <a:gd name="connsiteX14" fmla="*/ 318506 w 1026023"/>
              <a:gd name="connsiteY14" fmla="*/ 1914461 h 2074470"/>
              <a:gd name="connsiteX15" fmla="*/ 172897 w 1026023"/>
              <a:gd name="connsiteY15" fmla="*/ 1969879 h 2074470"/>
              <a:gd name="connsiteX16" fmla="*/ 126 w 1026023"/>
              <a:gd name="connsiteY16" fmla="*/ 1827576 h 2074470"/>
              <a:gd name="connsiteX17" fmla="*/ 200606 w 1026023"/>
              <a:gd name="connsiteY17" fmla="*/ 1457261 h 2074470"/>
              <a:gd name="connsiteX18" fmla="*/ 339152 w 1026023"/>
              <a:gd name="connsiteY18" fmla="*/ 1110898 h 2074470"/>
              <a:gd name="connsiteX19" fmla="*/ 297588 w 1026023"/>
              <a:gd name="connsiteY19" fmla="*/ 847661 h 2074470"/>
              <a:gd name="connsiteX20" fmla="*/ 408424 w 1026023"/>
              <a:gd name="connsiteY20" fmla="*/ 584425 h 2074470"/>
              <a:gd name="connsiteX21" fmla="*/ 90681 w 1026023"/>
              <a:gd name="connsiteY21" fmla="*/ 137321 h 2074470"/>
              <a:gd name="connsiteX22" fmla="*/ 131333 w 1026023"/>
              <a:gd name="connsiteY22" fmla="*/ 16388 h 2074470"/>
              <a:gd name="connsiteX23" fmla="*/ 436133 w 1026023"/>
              <a:gd name="connsiteY23" fmla="*/ 445879 h 2074470"/>
              <a:gd name="connsiteX24" fmla="*/ 505134 w 1026023"/>
              <a:gd name="connsiteY24" fmla="*/ 348506 h 2074470"/>
              <a:gd name="connsiteX25" fmla="*/ 595143 w 1026023"/>
              <a:gd name="connsiteY25" fmla="*/ 410655 h 2074470"/>
              <a:gd name="connsiteX0" fmla="*/ 597081 w 1027234"/>
              <a:gd name="connsiteY0" fmla="*/ 405098 h 2074470"/>
              <a:gd name="connsiteX1" fmla="*/ 707372 w 1027234"/>
              <a:gd name="connsiteY1" fmla="*/ 435783 h 2074470"/>
              <a:gd name="connsiteX2" fmla="*/ 686726 w 1027234"/>
              <a:gd name="connsiteY2" fmla="*/ 529007 h 2074470"/>
              <a:gd name="connsiteX3" fmla="*/ 976577 w 1027234"/>
              <a:gd name="connsiteY3" fmla="*/ 833807 h 2074470"/>
              <a:gd name="connsiteX4" fmla="*/ 997952 w 1027234"/>
              <a:gd name="connsiteY4" fmla="*/ 950982 h 2074470"/>
              <a:gd name="connsiteX5" fmla="*/ 672872 w 1027234"/>
              <a:gd name="connsiteY5" fmla="*/ 736825 h 2074470"/>
              <a:gd name="connsiteX6" fmla="*/ 776462 w 1027234"/>
              <a:gd name="connsiteY6" fmla="*/ 1291007 h 2074470"/>
              <a:gd name="connsiteX7" fmla="*/ 631308 w 1027234"/>
              <a:gd name="connsiteY7" fmla="*/ 1803625 h 2074470"/>
              <a:gd name="connsiteX8" fmla="*/ 714435 w 1027234"/>
              <a:gd name="connsiteY8" fmla="*/ 2053007 h 2074470"/>
              <a:gd name="connsiteX9" fmla="*/ 500464 w 1027234"/>
              <a:gd name="connsiteY9" fmla="*/ 1858652 h 2074470"/>
              <a:gd name="connsiteX10" fmla="*/ 631308 w 1027234"/>
              <a:gd name="connsiteY10" fmla="*/ 1443407 h 2074470"/>
              <a:gd name="connsiteX11" fmla="*/ 506617 w 1027234"/>
              <a:gd name="connsiteY11" fmla="*/ 1249443 h 2074470"/>
              <a:gd name="connsiteX12" fmla="*/ 451199 w 1027234"/>
              <a:gd name="connsiteY12" fmla="*/ 1471116 h 2074470"/>
              <a:gd name="connsiteX13" fmla="*/ 146399 w 1027234"/>
              <a:gd name="connsiteY13" fmla="*/ 1789770 h 2074470"/>
              <a:gd name="connsiteX14" fmla="*/ 319717 w 1027234"/>
              <a:gd name="connsiteY14" fmla="*/ 1914461 h 2074470"/>
              <a:gd name="connsiteX15" fmla="*/ 174108 w 1027234"/>
              <a:gd name="connsiteY15" fmla="*/ 1969879 h 2074470"/>
              <a:gd name="connsiteX16" fmla="*/ 1337 w 1027234"/>
              <a:gd name="connsiteY16" fmla="*/ 1827576 h 2074470"/>
              <a:gd name="connsiteX17" fmla="*/ 271545 w 1027234"/>
              <a:gd name="connsiteY17" fmla="*/ 1436283 h 2074470"/>
              <a:gd name="connsiteX18" fmla="*/ 340363 w 1027234"/>
              <a:gd name="connsiteY18" fmla="*/ 1110898 h 2074470"/>
              <a:gd name="connsiteX19" fmla="*/ 298799 w 1027234"/>
              <a:gd name="connsiteY19" fmla="*/ 847661 h 2074470"/>
              <a:gd name="connsiteX20" fmla="*/ 409635 w 1027234"/>
              <a:gd name="connsiteY20" fmla="*/ 584425 h 2074470"/>
              <a:gd name="connsiteX21" fmla="*/ 91892 w 1027234"/>
              <a:gd name="connsiteY21" fmla="*/ 137321 h 2074470"/>
              <a:gd name="connsiteX22" fmla="*/ 132544 w 1027234"/>
              <a:gd name="connsiteY22" fmla="*/ 16388 h 2074470"/>
              <a:gd name="connsiteX23" fmla="*/ 437344 w 1027234"/>
              <a:gd name="connsiteY23" fmla="*/ 445879 h 2074470"/>
              <a:gd name="connsiteX24" fmla="*/ 506345 w 1027234"/>
              <a:gd name="connsiteY24" fmla="*/ 348506 h 2074470"/>
              <a:gd name="connsiteX25" fmla="*/ 596354 w 1027234"/>
              <a:gd name="connsiteY25" fmla="*/ 410655 h 2074470"/>
              <a:gd name="connsiteX0" fmla="*/ 597081 w 1027234"/>
              <a:gd name="connsiteY0" fmla="*/ 405098 h 2074470"/>
              <a:gd name="connsiteX1" fmla="*/ 707372 w 1027234"/>
              <a:gd name="connsiteY1" fmla="*/ 435783 h 2074470"/>
              <a:gd name="connsiteX2" fmla="*/ 686726 w 1027234"/>
              <a:gd name="connsiteY2" fmla="*/ 529007 h 2074470"/>
              <a:gd name="connsiteX3" fmla="*/ 976577 w 1027234"/>
              <a:gd name="connsiteY3" fmla="*/ 833807 h 2074470"/>
              <a:gd name="connsiteX4" fmla="*/ 997952 w 1027234"/>
              <a:gd name="connsiteY4" fmla="*/ 950982 h 2074470"/>
              <a:gd name="connsiteX5" fmla="*/ 672872 w 1027234"/>
              <a:gd name="connsiteY5" fmla="*/ 736825 h 2074470"/>
              <a:gd name="connsiteX6" fmla="*/ 776462 w 1027234"/>
              <a:gd name="connsiteY6" fmla="*/ 1291007 h 2074470"/>
              <a:gd name="connsiteX7" fmla="*/ 631308 w 1027234"/>
              <a:gd name="connsiteY7" fmla="*/ 1803625 h 2074470"/>
              <a:gd name="connsiteX8" fmla="*/ 714435 w 1027234"/>
              <a:gd name="connsiteY8" fmla="*/ 2053007 h 2074470"/>
              <a:gd name="connsiteX9" fmla="*/ 500464 w 1027234"/>
              <a:gd name="connsiteY9" fmla="*/ 1858652 h 2074470"/>
              <a:gd name="connsiteX10" fmla="*/ 631308 w 1027234"/>
              <a:gd name="connsiteY10" fmla="*/ 1443407 h 2074470"/>
              <a:gd name="connsiteX11" fmla="*/ 506617 w 1027234"/>
              <a:gd name="connsiteY11" fmla="*/ 1249443 h 2074470"/>
              <a:gd name="connsiteX12" fmla="*/ 451199 w 1027234"/>
              <a:gd name="connsiteY12" fmla="*/ 1471116 h 2074470"/>
              <a:gd name="connsiteX13" fmla="*/ 146399 w 1027234"/>
              <a:gd name="connsiteY13" fmla="*/ 1789770 h 2074470"/>
              <a:gd name="connsiteX14" fmla="*/ 319717 w 1027234"/>
              <a:gd name="connsiteY14" fmla="*/ 1914461 h 2074470"/>
              <a:gd name="connsiteX15" fmla="*/ 174108 w 1027234"/>
              <a:gd name="connsiteY15" fmla="*/ 1969879 h 2074470"/>
              <a:gd name="connsiteX16" fmla="*/ 1337 w 1027234"/>
              <a:gd name="connsiteY16" fmla="*/ 1827576 h 2074470"/>
              <a:gd name="connsiteX17" fmla="*/ 271545 w 1027234"/>
              <a:gd name="connsiteY17" fmla="*/ 1436283 h 2074470"/>
              <a:gd name="connsiteX18" fmla="*/ 396145 w 1027234"/>
              <a:gd name="connsiteY18" fmla="*/ 1163342 h 2074470"/>
              <a:gd name="connsiteX19" fmla="*/ 298799 w 1027234"/>
              <a:gd name="connsiteY19" fmla="*/ 847661 h 2074470"/>
              <a:gd name="connsiteX20" fmla="*/ 409635 w 1027234"/>
              <a:gd name="connsiteY20" fmla="*/ 584425 h 2074470"/>
              <a:gd name="connsiteX21" fmla="*/ 91892 w 1027234"/>
              <a:gd name="connsiteY21" fmla="*/ 137321 h 2074470"/>
              <a:gd name="connsiteX22" fmla="*/ 132544 w 1027234"/>
              <a:gd name="connsiteY22" fmla="*/ 16388 h 2074470"/>
              <a:gd name="connsiteX23" fmla="*/ 437344 w 1027234"/>
              <a:gd name="connsiteY23" fmla="*/ 445879 h 2074470"/>
              <a:gd name="connsiteX24" fmla="*/ 506345 w 1027234"/>
              <a:gd name="connsiteY24" fmla="*/ 348506 h 2074470"/>
              <a:gd name="connsiteX25" fmla="*/ 596354 w 1027234"/>
              <a:gd name="connsiteY25" fmla="*/ 410655 h 2074470"/>
              <a:gd name="connsiteX0" fmla="*/ 597081 w 1027234"/>
              <a:gd name="connsiteY0" fmla="*/ 405098 h 2074470"/>
              <a:gd name="connsiteX1" fmla="*/ 707372 w 1027234"/>
              <a:gd name="connsiteY1" fmla="*/ 435783 h 2074470"/>
              <a:gd name="connsiteX2" fmla="*/ 686726 w 1027234"/>
              <a:gd name="connsiteY2" fmla="*/ 529007 h 2074470"/>
              <a:gd name="connsiteX3" fmla="*/ 976577 w 1027234"/>
              <a:gd name="connsiteY3" fmla="*/ 833807 h 2074470"/>
              <a:gd name="connsiteX4" fmla="*/ 997952 w 1027234"/>
              <a:gd name="connsiteY4" fmla="*/ 950982 h 2074470"/>
              <a:gd name="connsiteX5" fmla="*/ 672872 w 1027234"/>
              <a:gd name="connsiteY5" fmla="*/ 736825 h 2074470"/>
              <a:gd name="connsiteX6" fmla="*/ 776462 w 1027234"/>
              <a:gd name="connsiteY6" fmla="*/ 1291007 h 2074470"/>
              <a:gd name="connsiteX7" fmla="*/ 631308 w 1027234"/>
              <a:gd name="connsiteY7" fmla="*/ 1803625 h 2074470"/>
              <a:gd name="connsiteX8" fmla="*/ 714435 w 1027234"/>
              <a:gd name="connsiteY8" fmla="*/ 2053007 h 2074470"/>
              <a:gd name="connsiteX9" fmla="*/ 500464 w 1027234"/>
              <a:gd name="connsiteY9" fmla="*/ 1858652 h 2074470"/>
              <a:gd name="connsiteX10" fmla="*/ 631308 w 1027234"/>
              <a:gd name="connsiteY10" fmla="*/ 1443407 h 2074470"/>
              <a:gd name="connsiteX11" fmla="*/ 506617 w 1027234"/>
              <a:gd name="connsiteY11" fmla="*/ 1249443 h 2074470"/>
              <a:gd name="connsiteX12" fmla="*/ 451199 w 1027234"/>
              <a:gd name="connsiteY12" fmla="*/ 1471116 h 2074470"/>
              <a:gd name="connsiteX13" fmla="*/ 146399 w 1027234"/>
              <a:gd name="connsiteY13" fmla="*/ 1789770 h 2074470"/>
              <a:gd name="connsiteX14" fmla="*/ 319717 w 1027234"/>
              <a:gd name="connsiteY14" fmla="*/ 1914461 h 2074470"/>
              <a:gd name="connsiteX15" fmla="*/ 174108 w 1027234"/>
              <a:gd name="connsiteY15" fmla="*/ 1969879 h 2074470"/>
              <a:gd name="connsiteX16" fmla="*/ 1337 w 1027234"/>
              <a:gd name="connsiteY16" fmla="*/ 1827576 h 2074470"/>
              <a:gd name="connsiteX17" fmla="*/ 271545 w 1027234"/>
              <a:gd name="connsiteY17" fmla="*/ 1436283 h 2074470"/>
              <a:gd name="connsiteX18" fmla="*/ 396145 w 1027234"/>
              <a:gd name="connsiteY18" fmla="*/ 1163342 h 2074470"/>
              <a:gd name="connsiteX19" fmla="*/ 368527 w 1027234"/>
              <a:gd name="connsiteY19" fmla="*/ 858150 h 2074470"/>
              <a:gd name="connsiteX20" fmla="*/ 409635 w 1027234"/>
              <a:gd name="connsiteY20" fmla="*/ 584425 h 2074470"/>
              <a:gd name="connsiteX21" fmla="*/ 91892 w 1027234"/>
              <a:gd name="connsiteY21" fmla="*/ 137321 h 2074470"/>
              <a:gd name="connsiteX22" fmla="*/ 132544 w 1027234"/>
              <a:gd name="connsiteY22" fmla="*/ 16388 h 2074470"/>
              <a:gd name="connsiteX23" fmla="*/ 437344 w 1027234"/>
              <a:gd name="connsiteY23" fmla="*/ 445879 h 2074470"/>
              <a:gd name="connsiteX24" fmla="*/ 506345 w 1027234"/>
              <a:gd name="connsiteY24" fmla="*/ 348506 h 2074470"/>
              <a:gd name="connsiteX25" fmla="*/ 596354 w 1027234"/>
              <a:gd name="connsiteY25" fmla="*/ 410655 h 2074470"/>
              <a:gd name="connsiteX0" fmla="*/ 597081 w 1027234"/>
              <a:gd name="connsiteY0" fmla="*/ 405710 h 2075082"/>
              <a:gd name="connsiteX1" fmla="*/ 707372 w 1027234"/>
              <a:gd name="connsiteY1" fmla="*/ 436395 h 2075082"/>
              <a:gd name="connsiteX2" fmla="*/ 686726 w 1027234"/>
              <a:gd name="connsiteY2" fmla="*/ 529619 h 2075082"/>
              <a:gd name="connsiteX3" fmla="*/ 976577 w 1027234"/>
              <a:gd name="connsiteY3" fmla="*/ 834419 h 2075082"/>
              <a:gd name="connsiteX4" fmla="*/ 997952 w 1027234"/>
              <a:gd name="connsiteY4" fmla="*/ 951594 h 2075082"/>
              <a:gd name="connsiteX5" fmla="*/ 672872 w 1027234"/>
              <a:gd name="connsiteY5" fmla="*/ 737437 h 2075082"/>
              <a:gd name="connsiteX6" fmla="*/ 776462 w 1027234"/>
              <a:gd name="connsiteY6" fmla="*/ 1291619 h 2075082"/>
              <a:gd name="connsiteX7" fmla="*/ 631308 w 1027234"/>
              <a:gd name="connsiteY7" fmla="*/ 1804237 h 2075082"/>
              <a:gd name="connsiteX8" fmla="*/ 714435 w 1027234"/>
              <a:gd name="connsiteY8" fmla="*/ 2053619 h 2075082"/>
              <a:gd name="connsiteX9" fmla="*/ 500464 w 1027234"/>
              <a:gd name="connsiteY9" fmla="*/ 1859264 h 2075082"/>
              <a:gd name="connsiteX10" fmla="*/ 631308 w 1027234"/>
              <a:gd name="connsiteY10" fmla="*/ 1444019 h 2075082"/>
              <a:gd name="connsiteX11" fmla="*/ 506617 w 1027234"/>
              <a:gd name="connsiteY11" fmla="*/ 1250055 h 2075082"/>
              <a:gd name="connsiteX12" fmla="*/ 451199 w 1027234"/>
              <a:gd name="connsiteY12" fmla="*/ 1471728 h 2075082"/>
              <a:gd name="connsiteX13" fmla="*/ 146399 w 1027234"/>
              <a:gd name="connsiteY13" fmla="*/ 1790382 h 2075082"/>
              <a:gd name="connsiteX14" fmla="*/ 319717 w 1027234"/>
              <a:gd name="connsiteY14" fmla="*/ 1915073 h 2075082"/>
              <a:gd name="connsiteX15" fmla="*/ 174108 w 1027234"/>
              <a:gd name="connsiteY15" fmla="*/ 1970491 h 2075082"/>
              <a:gd name="connsiteX16" fmla="*/ 1337 w 1027234"/>
              <a:gd name="connsiteY16" fmla="*/ 1828188 h 2075082"/>
              <a:gd name="connsiteX17" fmla="*/ 271545 w 1027234"/>
              <a:gd name="connsiteY17" fmla="*/ 1436895 h 2075082"/>
              <a:gd name="connsiteX18" fmla="*/ 396145 w 1027234"/>
              <a:gd name="connsiteY18" fmla="*/ 1163954 h 2075082"/>
              <a:gd name="connsiteX19" fmla="*/ 368527 w 1027234"/>
              <a:gd name="connsiteY19" fmla="*/ 858762 h 2075082"/>
              <a:gd name="connsiteX20" fmla="*/ 423581 w 1027234"/>
              <a:gd name="connsiteY20" fmla="*/ 616504 h 2075082"/>
              <a:gd name="connsiteX21" fmla="*/ 91892 w 1027234"/>
              <a:gd name="connsiteY21" fmla="*/ 137933 h 2075082"/>
              <a:gd name="connsiteX22" fmla="*/ 132544 w 1027234"/>
              <a:gd name="connsiteY22" fmla="*/ 17000 h 2075082"/>
              <a:gd name="connsiteX23" fmla="*/ 437344 w 1027234"/>
              <a:gd name="connsiteY23" fmla="*/ 446491 h 2075082"/>
              <a:gd name="connsiteX24" fmla="*/ 506345 w 1027234"/>
              <a:gd name="connsiteY24" fmla="*/ 349118 h 2075082"/>
              <a:gd name="connsiteX25" fmla="*/ 596354 w 1027234"/>
              <a:gd name="connsiteY25" fmla="*/ 411267 h 2075082"/>
              <a:gd name="connsiteX0" fmla="*/ 597081 w 1027234"/>
              <a:gd name="connsiteY0" fmla="*/ 405710 h 2075082"/>
              <a:gd name="connsiteX1" fmla="*/ 707372 w 1027234"/>
              <a:gd name="connsiteY1" fmla="*/ 436395 h 2075082"/>
              <a:gd name="connsiteX2" fmla="*/ 686726 w 1027234"/>
              <a:gd name="connsiteY2" fmla="*/ 529619 h 2075082"/>
              <a:gd name="connsiteX3" fmla="*/ 976577 w 1027234"/>
              <a:gd name="connsiteY3" fmla="*/ 834419 h 2075082"/>
              <a:gd name="connsiteX4" fmla="*/ 997952 w 1027234"/>
              <a:gd name="connsiteY4" fmla="*/ 951594 h 2075082"/>
              <a:gd name="connsiteX5" fmla="*/ 672872 w 1027234"/>
              <a:gd name="connsiteY5" fmla="*/ 737437 h 2075082"/>
              <a:gd name="connsiteX6" fmla="*/ 776462 w 1027234"/>
              <a:gd name="connsiteY6" fmla="*/ 1291619 h 2075082"/>
              <a:gd name="connsiteX7" fmla="*/ 631308 w 1027234"/>
              <a:gd name="connsiteY7" fmla="*/ 1804237 h 2075082"/>
              <a:gd name="connsiteX8" fmla="*/ 714435 w 1027234"/>
              <a:gd name="connsiteY8" fmla="*/ 2053619 h 2075082"/>
              <a:gd name="connsiteX9" fmla="*/ 500464 w 1027234"/>
              <a:gd name="connsiteY9" fmla="*/ 1859264 h 2075082"/>
              <a:gd name="connsiteX10" fmla="*/ 631308 w 1027234"/>
              <a:gd name="connsiteY10" fmla="*/ 1444019 h 2075082"/>
              <a:gd name="connsiteX11" fmla="*/ 506617 w 1027234"/>
              <a:gd name="connsiteY11" fmla="*/ 1250055 h 2075082"/>
              <a:gd name="connsiteX12" fmla="*/ 451199 w 1027234"/>
              <a:gd name="connsiteY12" fmla="*/ 1471728 h 2075082"/>
              <a:gd name="connsiteX13" fmla="*/ 146399 w 1027234"/>
              <a:gd name="connsiteY13" fmla="*/ 1790382 h 2075082"/>
              <a:gd name="connsiteX14" fmla="*/ 319717 w 1027234"/>
              <a:gd name="connsiteY14" fmla="*/ 1915073 h 2075082"/>
              <a:gd name="connsiteX15" fmla="*/ 174108 w 1027234"/>
              <a:gd name="connsiteY15" fmla="*/ 1970491 h 2075082"/>
              <a:gd name="connsiteX16" fmla="*/ 1337 w 1027234"/>
              <a:gd name="connsiteY16" fmla="*/ 1828188 h 2075082"/>
              <a:gd name="connsiteX17" fmla="*/ 271545 w 1027234"/>
              <a:gd name="connsiteY17" fmla="*/ 1436895 h 2075082"/>
              <a:gd name="connsiteX18" fmla="*/ 396145 w 1027234"/>
              <a:gd name="connsiteY18" fmla="*/ 1163954 h 2075082"/>
              <a:gd name="connsiteX19" fmla="*/ 417337 w 1027234"/>
              <a:gd name="connsiteY19" fmla="*/ 869252 h 2075082"/>
              <a:gd name="connsiteX20" fmla="*/ 423581 w 1027234"/>
              <a:gd name="connsiteY20" fmla="*/ 616504 h 2075082"/>
              <a:gd name="connsiteX21" fmla="*/ 91892 w 1027234"/>
              <a:gd name="connsiteY21" fmla="*/ 137933 h 2075082"/>
              <a:gd name="connsiteX22" fmla="*/ 132544 w 1027234"/>
              <a:gd name="connsiteY22" fmla="*/ 17000 h 2075082"/>
              <a:gd name="connsiteX23" fmla="*/ 437344 w 1027234"/>
              <a:gd name="connsiteY23" fmla="*/ 446491 h 2075082"/>
              <a:gd name="connsiteX24" fmla="*/ 506345 w 1027234"/>
              <a:gd name="connsiteY24" fmla="*/ 349118 h 2075082"/>
              <a:gd name="connsiteX25" fmla="*/ 596354 w 1027234"/>
              <a:gd name="connsiteY25" fmla="*/ 411267 h 2075082"/>
              <a:gd name="connsiteX0" fmla="*/ 597081 w 1027234"/>
              <a:gd name="connsiteY0" fmla="*/ 405710 h 2075082"/>
              <a:gd name="connsiteX1" fmla="*/ 707372 w 1027234"/>
              <a:gd name="connsiteY1" fmla="*/ 436395 h 2075082"/>
              <a:gd name="connsiteX2" fmla="*/ 686726 w 1027234"/>
              <a:gd name="connsiteY2" fmla="*/ 529619 h 2075082"/>
              <a:gd name="connsiteX3" fmla="*/ 976577 w 1027234"/>
              <a:gd name="connsiteY3" fmla="*/ 834419 h 2075082"/>
              <a:gd name="connsiteX4" fmla="*/ 997952 w 1027234"/>
              <a:gd name="connsiteY4" fmla="*/ 951594 h 2075082"/>
              <a:gd name="connsiteX5" fmla="*/ 672872 w 1027234"/>
              <a:gd name="connsiteY5" fmla="*/ 737437 h 2075082"/>
              <a:gd name="connsiteX6" fmla="*/ 776462 w 1027234"/>
              <a:gd name="connsiteY6" fmla="*/ 1291619 h 2075082"/>
              <a:gd name="connsiteX7" fmla="*/ 631308 w 1027234"/>
              <a:gd name="connsiteY7" fmla="*/ 1804237 h 2075082"/>
              <a:gd name="connsiteX8" fmla="*/ 714435 w 1027234"/>
              <a:gd name="connsiteY8" fmla="*/ 2053619 h 2075082"/>
              <a:gd name="connsiteX9" fmla="*/ 500464 w 1027234"/>
              <a:gd name="connsiteY9" fmla="*/ 1859264 h 2075082"/>
              <a:gd name="connsiteX10" fmla="*/ 631308 w 1027234"/>
              <a:gd name="connsiteY10" fmla="*/ 1444019 h 2075082"/>
              <a:gd name="connsiteX11" fmla="*/ 506617 w 1027234"/>
              <a:gd name="connsiteY11" fmla="*/ 1250055 h 2075082"/>
              <a:gd name="connsiteX12" fmla="*/ 451199 w 1027234"/>
              <a:gd name="connsiteY12" fmla="*/ 1471728 h 2075082"/>
              <a:gd name="connsiteX13" fmla="*/ 146399 w 1027234"/>
              <a:gd name="connsiteY13" fmla="*/ 1790382 h 2075082"/>
              <a:gd name="connsiteX14" fmla="*/ 319717 w 1027234"/>
              <a:gd name="connsiteY14" fmla="*/ 1915073 h 2075082"/>
              <a:gd name="connsiteX15" fmla="*/ 174108 w 1027234"/>
              <a:gd name="connsiteY15" fmla="*/ 1970491 h 2075082"/>
              <a:gd name="connsiteX16" fmla="*/ 1337 w 1027234"/>
              <a:gd name="connsiteY16" fmla="*/ 1828188 h 2075082"/>
              <a:gd name="connsiteX17" fmla="*/ 271545 w 1027234"/>
              <a:gd name="connsiteY17" fmla="*/ 1436895 h 2075082"/>
              <a:gd name="connsiteX18" fmla="*/ 396145 w 1027234"/>
              <a:gd name="connsiteY18" fmla="*/ 1163954 h 2075082"/>
              <a:gd name="connsiteX19" fmla="*/ 389446 w 1027234"/>
              <a:gd name="connsiteY19" fmla="*/ 890231 h 2075082"/>
              <a:gd name="connsiteX20" fmla="*/ 423581 w 1027234"/>
              <a:gd name="connsiteY20" fmla="*/ 616504 h 2075082"/>
              <a:gd name="connsiteX21" fmla="*/ 91892 w 1027234"/>
              <a:gd name="connsiteY21" fmla="*/ 137933 h 2075082"/>
              <a:gd name="connsiteX22" fmla="*/ 132544 w 1027234"/>
              <a:gd name="connsiteY22" fmla="*/ 17000 h 2075082"/>
              <a:gd name="connsiteX23" fmla="*/ 437344 w 1027234"/>
              <a:gd name="connsiteY23" fmla="*/ 446491 h 2075082"/>
              <a:gd name="connsiteX24" fmla="*/ 506345 w 1027234"/>
              <a:gd name="connsiteY24" fmla="*/ 349118 h 2075082"/>
              <a:gd name="connsiteX25" fmla="*/ 596354 w 1027234"/>
              <a:gd name="connsiteY25" fmla="*/ 411267 h 2075082"/>
              <a:gd name="connsiteX0" fmla="*/ 597081 w 1027234"/>
              <a:gd name="connsiteY0" fmla="*/ 405710 h 2075082"/>
              <a:gd name="connsiteX1" fmla="*/ 707372 w 1027234"/>
              <a:gd name="connsiteY1" fmla="*/ 436395 h 2075082"/>
              <a:gd name="connsiteX2" fmla="*/ 686726 w 1027234"/>
              <a:gd name="connsiteY2" fmla="*/ 529619 h 2075082"/>
              <a:gd name="connsiteX3" fmla="*/ 976577 w 1027234"/>
              <a:gd name="connsiteY3" fmla="*/ 834419 h 2075082"/>
              <a:gd name="connsiteX4" fmla="*/ 997952 w 1027234"/>
              <a:gd name="connsiteY4" fmla="*/ 951594 h 2075082"/>
              <a:gd name="connsiteX5" fmla="*/ 672872 w 1027234"/>
              <a:gd name="connsiteY5" fmla="*/ 737437 h 2075082"/>
              <a:gd name="connsiteX6" fmla="*/ 727652 w 1027234"/>
              <a:gd name="connsiteY6" fmla="*/ 1270642 h 2075082"/>
              <a:gd name="connsiteX7" fmla="*/ 631308 w 1027234"/>
              <a:gd name="connsiteY7" fmla="*/ 1804237 h 2075082"/>
              <a:gd name="connsiteX8" fmla="*/ 714435 w 1027234"/>
              <a:gd name="connsiteY8" fmla="*/ 2053619 h 2075082"/>
              <a:gd name="connsiteX9" fmla="*/ 500464 w 1027234"/>
              <a:gd name="connsiteY9" fmla="*/ 1859264 h 2075082"/>
              <a:gd name="connsiteX10" fmla="*/ 631308 w 1027234"/>
              <a:gd name="connsiteY10" fmla="*/ 1444019 h 2075082"/>
              <a:gd name="connsiteX11" fmla="*/ 506617 w 1027234"/>
              <a:gd name="connsiteY11" fmla="*/ 1250055 h 2075082"/>
              <a:gd name="connsiteX12" fmla="*/ 451199 w 1027234"/>
              <a:gd name="connsiteY12" fmla="*/ 1471728 h 2075082"/>
              <a:gd name="connsiteX13" fmla="*/ 146399 w 1027234"/>
              <a:gd name="connsiteY13" fmla="*/ 1790382 h 2075082"/>
              <a:gd name="connsiteX14" fmla="*/ 319717 w 1027234"/>
              <a:gd name="connsiteY14" fmla="*/ 1915073 h 2075082"/>
              <a:gd name="connsiteX15" fmla="*/ 174108 w 1027234"/>
              <a:gd name="connsiteY15" fmla="*/ 1970491 h 2075082"/>
              <a:gd name="connsiteX16" fmla="*/ 1337 w 1027234"/>
              <a:gd name="connsiteY16" fmla="*/ 1828188 h 2075082"/>
              <a:gd name="connsiteX17" fmla="*/ 271545 w 1027234"/>
              <a:gd name="connsiteY17" fmla="*/ 1436895 h 2075082"/>
              <a:gd name="connsiteX18" fmla="*/ 396145 w 1027234"/>
              <a:gd name="connsiteY18" fmla="*/ 1163954 h 2075082"/>
              <a:gd name="connsiteX19" fmla="*/ 389446 w 1027234"/>
              <a:gd name="connsiteY19" fmla="*/ 890231 h 2075082"/>
              <a:gd name="connsiteX20" fmla="*/ 423581 w 1027234"/>
              <a:gd name="connsiteY20" fmla="*/ 616504 h 2075082"/>
              <a:gd name="connsiteX21" fmla="*/ 91892 w 1027234"/>
              <a:gd name="connsiteY21" fmla="*/ 137933 h 2075082"/>
              <a:gd name="connsiteX22" fmla="*/ 132544 w 1027234"/>
              <a:gd name="connsiteY22" fmla="*/ 17000 h 2075082"/>
              <a:gd name="connsiteX23" fmla="*/ 437344 w 1027234"/>
              <a:gd name="connsiteY23" fmla="*/ 446491 h 2075082"/>
              <a:gd name="connsiteX24" fmla="*/ 506345 w 1027234"/>
              <a:gd name="connsiteY24" fmla="*/ 349118 h 2075082"/>
              <a:gd name="connsiteX25" fmla="*/ 596354 w 1027234"/>
              <a:gd name="connsiteY25" fmla="*/ 411267 h 2075082"/>
              <a:gd name="connsiteX0" fmla="*/ 597081 w 1027234"/>
              <a:gd name="connsiteY0" fmla="*/ 405710 h 2076110"/>
              <a:gd name="connsiteX1" fmla="*/ 707372 w 1027234"/>
              <a:gd name="connsiteY1" fmla="*/ 436395 h 2076110"/>
              <a:gd name="connsiteX2" fmla="*/ 686726 w 1027234"/>
              <a:gd name="connsiteY2" fmla="*/ 529619 h 2076110"/>
              <a:gd name="connsiteX3" fmla="*/ 976577 w 1027234"/>
              <a:gd name="connsiteY3" fmla="*/ 834419 h 2076110"/>
              <a:gd name="connsiteX4" fmla="*/ 997952 w 1027234"/>
              <a:gd name="connsiteY4" fmla="*/ 951594 h 2076110"/>
              <a:gd name="connsiteX5" fmla="*/ 672872 w 1027234"/>
              <a:gd name="connsiteY5" fmla="*/ 737437 h 2076110"/>
              <a:gd name="connsiteX6" fmla="*/ 727652 w 1027234"/>
              <a:gd name="connsiteY6" fmla="*/ 1270642 h 2076110"/>
              <a:gd name="connsiteX7" fmla="*/ 631308 w 1027234"/>
              <a:gd name="connsiteY7" fmla="*/ 1804237 h 2076110"/>
              <a:gd name="connsiteX8" fmla="*/ 714435 w 1027234"/>
              <a:gd name="connsiteY8" fmla="*/ 2053619 h 2076110"/>
              <a:gd name="connsiteX9" fmla="*/ 500464 w 1027234"/>
              <a:gd name="connsiteY9" fmla="*/ 1859264 h 2076110"/>
              <a:gd name="connsiteX10" fmla="*/ 610389 w 1027234"/>
              <a:gd name="connsiteY10" fmla="*/ 1370597 h 2076110"/>
              <a:gd name="connsiteX11" fmla="*/ 506617 w 1027234"/>
              <a:gd name="connsiteY11" fmla="*/ 1250055 h 2076110"/>
              <a:gd name="connsiteX12" fmla="*/ 451199 w 1027234"/>
              <a:gd name="connsiteY12" fmla="*/ 1471728 h 2076110"/>
              <a:gd name="connsiteX13" fmla="*/ 146399 w 1027234"/>
              <a:gd name="connsiteY13" fmla="*/ 1790382 h 2076110"/>
              <a:gd name="connsiteX14" fmla="*/ 319717 w 1027234"/>
              <a:gd name="connsiteY14" fmla="*/ 1915073 h 2076110"/>
              <a:gd name="connsiteX15" fmla="*/ 174108 w 1027234"/>
              <a:gd name="connsiteY15" fmla="*/ 1970491 h 2076110"/>
              <a:gd name="connsiteX16" fmla="*/ 1337 w 1027234"/>
              <a:gd name="connsiteY16" fmla="*/ 1828188 h 2076110"/>
              <a:gd name="connsiteX17" fmla="*/ 271545 w 1027234"/>
              <a:gd name="connsiteY17" fmla="*/ 1436895 h 2076110"/>
              <a:gd name="connsiteX18" fmla="*/ 396145 w 1027234"/>
              <a:gd name="connsiteY18" fmla="*/ 1163954 h 2076110"/>
              <a:gd name="connsiteX19" fmla="*/ 389446 w 1027234"/>
              <a:gd name="connsiteY19" fmla="*/ 890231 h 2076110"/>
              <a:gd name="connsiteX20" fmla="*/ 423581 w 1027234"/>
              <a:gd name="connsiteY20" fmla="*/ 616504 h 2076110"/>
              <a:gd name="connsiteX21" fmla="*/ 91892 w 1027234"/>
              <a:gd name="connsiteY21" fmla="*/ 137933 h 2076110"/>
              <a:gd name="connsiteX22" fmla="*/ 132544 w 1027234"/>
              <a:gd name="connsiteY22" fmla="*/ 17000 h 2076110"/>
              <a:gd name="connsiteX23" fmla="*/ 437344 w 1027234"/>
              <a:gd name="connsiteY23" fmla="*/ 446491 h 2076110"/>
              <a:gd name="connsiteX24" fmla="*/ 506345 w 1027234"/>
              <a:gd name="connsiteY24" fmla="*/ 349118 h 2076110"/>
              <a:gd name="connsiteX25" fmla="*/ 596354 w 1027234"/>
              <a:gd name="connsiteY25" fmla="*/ 411267 h 2076110"/>
              <a:gd name="connsiteX0" fmla="*/ 597081 w 1027234"/>
              <a:gd name="connsiteY0" fmla="*/ 405710 h 2076110"/>
              <a:gd name="connsiteX1" fmla="*/ 707372 w 1027234"/>
              <a:gd name="connsiteY1" fmla="*/ 436395 h 2076110"/>
              <a:gd name="connsiteX2" fmla="*/ 686726 w 1027234"/>
              <a:gd name="connsiteY2" fmla="*/ 529619 h 2076110"/>
              <a:gd name="connsiteX3" fmla="*/ 976577 w 1027234"/>
              <a:gd name="connsiteY3" fmla="*/ 834419 h 2076110"/>
              <a:gd name="connsiteX4" fmla="*/ 997952 w 1027234"/>
              <a:gd name="connsiteY4" fmla="*/ 951594 h 2076110"/>
              <a:gd name="connsiteX5" fmla="*/ 672872 w 1027234"/>
              <a:gd name="connsiteY5" fmla="*/ 737437 h 2076110"/>
              <a:gd name="connsiteX6" fmla="*/ 727652 w 1027234"/>
              <a:gd name="connsiteY6" fmla="*/ 1270642 h 2076110"/>
              <a:gd name="connsiteX7" fmla="*/ 631308 w 1027234"/>
              <a:gd name="connsiteY7" fmla="*/ 1804237 h 2076110"/>
              <a:gd name="connsiteX8" fmla="*/ 714435 w 1027234"/>
              <a:gd name="connsiteY8" fmla="*/ 2053619 h 2076110"/>
              <a:gd name="connsiteX9" fmla="*/ 500464 w 1027234"/>
              <a:gd name="connsiteY9" fmla="*/ 1859264 h 2076110"/>
              <a:gd name="connsiteX10" fmla="*/ 610389 w 1027234"/>
              <a:gd name="connsiteY10" fmla="*/ 1370597 h 2076110"/>
              <a:gd name="connsiteX11" fmla="*/ 506617 w 1027234"/>
              <a:gd name="connsiteY11" fmla="*/ 1250055 h 2076110"/>
              <a:gd name="connsiteX12" fmla="*/ 451199 w 1027234"/>
              <a:gd name="connsiteY12" fmla="*/ 1471728 h 2076110"/>
              <a:gd name="connsiteX13" fmla="*/ 146399 w 1027234"/>
              <a:gd name="connsiteY13" fmla="*/ 1790382 h 2076110"/>
              <a:gd name="connsiteX14" fmla="*/ 319717 w 1027234"/>
              <a:gd name="connsiteY14" fmla="*/ 1915073 h 2076110"/>
              <a:gd name="connsiteX15" fmla="*/ 174108 w 1027234"/>
              <a:gd name="connsiteY15" fmla="*/ 1970491 h 2076110"/>
              <a:gd name="connsiteX16" fmla="*/ 1337 w 1027234"/>
              <a:gd name="connsiteY16" fmla="*/ 1828188 h 2076110"/>
              <a:gd name="connsiteX17" fmla="*/ 271545 w 1027234"/>
              <a:gd name="connsiteY17" fmla="*/ 1436895 h 2076110"/>
              <a:gd name="connsiteX18" fmla="*/ 396145 w 1027234"/>
              <a:gd name="connsiteY18" fmla="*/ 1163954 h 2076110"/>
              <a:gd name="connsiteX19" fmla="*/ 389446 w 1027234"/>
              <a:gd name="connsiteY19" fmla="*/ 890231 h 2076110"/>
              <a:gd name="connsiteX20" fmla="*/ 423581 w 1027234"/>
              <a:gd name="connsiteY20" fmla="*/ 616504 h 2076110"/>
              <a:gd name="connsiteX21" fmla="*/ 91892 w 1027234"/>
              <a:gd name="connsiteY21" fmla="*/ 137933 h 2076110"/>
              <a:gd name="connsiteX22" fmla="*/ 132544 w 1027234"/>
              <a:gd name="connsiteY22" fmla="*/ 17000 h 2076110"/>
              <a:gd name="connsiteX23" fmla="*/ 437344 w 1027234"/>
              <a:gd name="connsiteY23" fmla="*/ 446491 h 2076110"/>
              <a:gd name="connsiteX24" fmla="*/ 506345 w 1027234"/>
              <a:gd name="connsiteY24" fmla="*/ 409347 h 2076110"/>
              <a:gd name="connsiteX25" fmla="*/ 596354 w 1027234"/>
              <a:gd name="connsiteY25" fmla="*/ 411267 h 2076110"/>
              <a:gd name="connsiteX0" fmla="*/ 597081 w 1027234"/>
              <a:gd name="connsiteY0" fmla="*/ 405710 h 2076110"/>
              <a:gd name="connsiteX1" fmla="*/ 689483 w 1027234"/>
              <a:gd name="connsiteY1" fmla="*/ 460487 h 2076110"/>
              <a:gd name="connsiteX2" fmla="*/ 686726 w 1027234"/>
              <a:gd name="connsiteY2" fmla="*/ 529619 h 2076110"/>
              <a:gd name="connsiteX3" fmla="*/ 976577 w 1027234"/>
              <a:gd name="connsiteY3" fmla="*/ 834419 h 2076110"/>
              <a:gd name="connsiteX4" fmla="*/ 997952 w 1027234"/>
              <a:gd name="connsiteY4" fmla="*/ 951594 h 2076110"/>
              <a:gd name="connsiteX5" fmla="*/ 672872 w 1027234"/>
              <a:gd name="connsiteY5" fmla="*/ 737437 h 2076110"/>
              <a:gd name="connsiteX6" fmla="*/ 727652 w 1027234"/>
              <a:gd name="connsiteY6" fmla="*/ 1270642 h 2076110"/>
              <a:gd name="connsiteX7" fmla="*/ 631308 w 1027234"/>
              <a:gd name="connsiteY7" fmla="*/ 1804237 h 2076110"/>
              <a:gd name="connsiteX8" fmla="*/ 714435 w 1027234"/>
              <a:gd name="connsiteY8" fmla="*/ 2053619 h 2076110"/>
              <a:gd name="connsiteX9" fmla="*/ 500464 w 1027234"/>
              <a:gd name="connsiteY9" fmla="*/ 1859264 h 2076110"/>
              <a:gd name="connsiteX10" fmla="*/ 610389 w 1027234"/>
              <a:gd name="connsiteY10" fmla="*/ 1370597 h 2076110"/>
              <a:gd name="connsiteX11" fmla="*/ 506617 w 1027234"/>
              <a:gd name="connsiteY11" fmla="*/ 1250055 h 2076110"/>
              <a:gd name="connsiteX12" fmla="*/ 451199 w 1027234"/>
              <a:gd name="connsiteY12" fmla="*/ 1471728 h 2076110"/>
              <a:gd name="connsiteX13" fmla="*/ 146399 w 1027234"/>
              <a:gd name="connsiteY13" fmla="*/ 1790382 h 2076110"/>
              <a:gd name="connsiteX14" fmla="*/ 319717 w 1027234"/>
              <a:gd name="connsiteY14" fmla="*/ 1915073 h 2076110"/>
              <a:gd name="connsiteX15" fmla="*/ 174108 w 1027234"/>
              <a:gd name="connsiteY15" fmla="*/ 1970491 h 2076110"/>
              <a:gd name="connsiteX16" fmla="*/ 1337 w 1027234"/>
              <a:gd name="connsiteY16" fmla="*/ 1828188 h 2076110"/>
              <a:gd name="connsiteX17" fmla="*/ 271545 w 1027234"/>
              <a:gd name="connsiteY17" fmla="*/ 1436895 h 2076110"/>
              <a:gd name="connsiteX18" fmla="*/ 396145 w 1027234"/>
              <a:gd name="connsiteY18" fmla="*/ 1163954 h 2076110"/>
              <a:gd name="connsiteX19" fmla="*/ 389446 w 1027234"/>
              <a:gd name="connsiteY19" fmla="*/ 890231 h 2076110"/>
              <a:gd name="connsiteX20" fmla="*/ 423581 w 1027234"/>
              <a:gd name="connsiteY20" fmla="*/ 616504 h 2076110"/>
              <a:gd name="connsiteX21" fmla="*/ 91892 w 1027234"/>
              <a:gd name="connsiteY21" fmla="*/ 137933 h 2076110"/>
              <a:gd name="connsiteX22" fmla="*/ 132544 w 1027234"/>
              <a:gd name="connsiteY22" fmla="*/ 17000 h 2076110"/>
              <a:gd name="connsiteX23" fmla="*/ 437344 w 1027234"/>
              <a:gd name="connsiteY23" fmla="*/ 446491 h 2076110"/>
              <a:gd name="connsiteX24" fmla="*/ 506345 w 1027234"/>
              <a:gd name="connsiteY24" fmla="*/ 409347 h 2076110"/>
              <a:gd name="connsiteX25" fmla="*/ 596354 w 1027234"/>
              <a:gd name="connsiteY25" fmla="*/ 411267 h 2076110"/>
              <a:gd name="connsiteX0" fmla="*/ 597081 w 1027234"/>
              <a:gd name="connsiteY0" fmla="*/ 405710 h 2076110"/>
              <a:gd name="connsiteX1" fmla="*/ 689483 w 1027234"/>
              <a:gd name="connsiteY1" fmla="*/ 460487 h 2076110"/>
              <a:gd name="connsiteX2" fmla="*/ 686726 w 1027234"/>
              <a:gd name="connsiteY2" fmla="*/ 529619 h 2076110"/>
              <a:gd name="connsiteX3" fmla="*/ 976577 w 1027234"/>
              <a:gd name="connsiteY3" fmla="*/ 834419 h 2076110"/>
              <a:gd name="connsiteX4" fmla="*/ 997952 w 1027234"/>
              <a:gd name="connsiteY4" fmla="*/ 951594 h 2076110"/>
              <a:gd name="connsiteX5" fmla="*/ 672872 w 1027234"/>
              <a:gd name="connsiteY5" fmla="*/ 737437 h 2076110"/>
              <a:gd name="connsiteX6" fmla="*/ 727652 w 1027234"/>
              <a:gd name="connsiteY6" fmla="*/ 1270642 h 2076110"/>
              <a:gd name="connsiteX7" fmla="*/ 631308 w 1027234"/>
              <a:gd name="connsiteY7" fmla="*/ 1804237 h 2076110"/>
              <a:gd name="connsiteX8" fmla="*/ 714435 w 1027234"/>
              <a:gd name="connsiteY8" fmla="*/ 2053619 h 2076110"/>
              <a:gd name="connsiteX9" fmla="*/ 500464 w 1027234"/>
              <a:gd name="connsiteY9" fmla="*/ 1859264 h 2076110"/>
              <a:gd name="connsiteX10" fmla="*/ 610389 w 1027234"/>
              <a:gd name="connsiteY10" fmla="*/ 1370597 h 2076110"/>
              <a:gd name="connsiteX11" fmla="*/ 506617 w 1027234"/>
              <a:gd name="connsiteY11" fmla="*/ 1250055 h 2076110"/>
              <a:gd name="connsiteX12" fmla="*/ 451199 w 1027234"/>
              <a:gd name="connsiteY12" fmla="*/ 1471728 h 2076110"/>
              <a:gd name="connsiteX13" fmla="*/ 146399 w 1027234"/>
              <a:gd name="connsiteY13" fmla="*/ 1790382 h 2076110"/>
              <a:gd name="connsiteX14" fmla="*/ 319717 w 1027234"/>
              <a:gd name="connsiteY14" fmla="*/ 1915073 h 2076110"/>
              <a:gd name="connsiteX15" fmla="*/ 174108 w 1027234"/>
              <a:gd name="connsiteY15" fmla="*/ 1970491 h 2076110"/>
              <a:gd name="connsiteX16" fmla="*/ 1337 w 1027234"/>
              <a:gd name="connsiteY16" fmla="*/ 1828188 h 2076110"/>
              <a:gd name="connsiteX17" fmla="*/ 271545 w 1027234"/>
              <a:gd name="connsiteY17" fmla="*/ 1436895 h 2076110"/>
              <a:gd name="connsiteX18" fmla="*/ 396145 w 1027234"/>
              <a:gd name="connsiteY18" fmla="*/ 1163954 h 2076110"/>
              <a:gd name="connsiteX19" fmla="*/ 389446 w 1027234"/>
              <a:gd name="connsiteY19" fmla="*/ 890231 h 2076110"/>
              <a:gd name="connsiteX20" fmla="*/ 423581 w 1027234"/>
              <a:gd name="connsiteY20" fmla="*/ 616504 h 2076110"/>
              <a:gd name="connsiteX21" fmla="*/ 91892 w 1027234"/>
              <a:gd name="connsiteY21" fmla="*/ 137933 h 2076110"/>
              <a:gd name="connsiteX22" fmla="*/ 132544 w 1027234"/>
              <a:gd name="connsiteY22" fmla="*/ 17000 h 2076110"/>
              <a:gd name="connsiteX23" fmla="*/ 437344 w 1027234"/>
              <a:gd name="connsiteY23" fmla="*/ 446491 h 2076110"/>
              <a:gd name="connsiteX24" fmla="*/ 506345 w 1027234"/>
              <a:gd name="connsiteY24" fmla="*/ 409347 h 2076110"/>
              <a:gd name="connsiteX25" fmla="*/ 602317 w 1027234"/>
              <a:gd name="connsiteY25" fmla="*/ 483542 h 2076110"/>
              <a:gd name="connsiteX0" fmla="*/ 585155 w 1027234"/>
              <a:gd name="connsiteY0" fmla="*/ 477985 h 2076110"/>
              <a:gd name="connsiteX1" fmla="*/ 689483 w 1027234"/>
              <a:gd name="connsiteY1" fmla="*/ 460487 h 2076110"/>
              <a:gd name="connsiteX2" fmla="*/ 686726 w 1027234"/>
              <a:gd name="connsiteY2" fmla="*/ 529619 h 2076110"/>
              <a:gd name="connsiteX3" fmla="*/ 976577 w 1027234"/>
              <a:gd name="connsiteY3" fmla="*/ 834419 h 2076110"/>
              <a:gd name="connsiteX4" fmla="*/ 997952 w 1027234"/>
              <a:gd name="connsiteY4" fmla="*/ 951594 h 2076110"/>
              <a:gd name="connsiteX5" fmla="*/ 672872 w 1027234"/>
              <a:gd name="connsiteY5" fmla="*/ 737437 h 2076110"/>
              <a:gd name="connsiteX6" fmla="*/ 727652 w 1027234"/>
              <a:gd name="connsiteY6" fmla="*/ 1270642 h 2076110"/>
              <a:gd name="connsiteX7" fmla="*/ 631308 w 1027234"/>
              <a:gd name="connsiteY7" fmla="*/ 1804237 h 2076110"/>
              <a:gd name="connsiteX8" fmla="*/ 714435 w 1027234"/>
              <a:gd name="connsiteY8" fmla="*/ 2053619 h 2076110"/>
              <a:gd name="connsiteX9" fmla="*/ 500464 w 1027234"/>
              <a:gd name="connsiteY9" fmla="*/ 1859264 h 2076110"/>
              <a:gd name="connsiteX10" fmla="*/ 610389 w 1027234"/>
              <a:gd name="connsiteY10" fmla="*/ 1370597 h 2076110"/>
              <a:gd name="connsiteX11" fmla="*/ 506617 w 1027234"/>
              <a:gd name="connsiteY11" fmla="*/ 1250055 h 2076110"/>
              <a:gd name="connsiteX12" fmla="*/ 451199 w 1027234"/>
              <a:gd name="connsiteY12" fmla="*/ 1471728 h 2076110"/>
              <a:gd name="connsiteX13" fmla="*/ 146399 w 1027234"/>
              <a:gd name="connsiteY13" fmla="*/ 1790382 h 2076110"/>
              <a:gd name="connsiteX14" fmla="*/ 319717 w 1027234"/>
              <a:gd name="connsiteY14" fmla="*/ 1915073 h 2076110"/>
              <a:gd name="connsiteX15" fmla="*/ 174108 w 1027234"/>
              <a:gd name="connsiteY15" fmla="*/ 1970491 h 2076110"/>
              <a:gd name="connsiteX16" fmla="*/ 1337 w 1027234"/>
              <a:gd name="connsiteY16" fmla="*/ 1828188 h 2076110"/>
              <a:gd name="connsiteX17" fmla="*/ 271545 w 1027234"/>
              <a:gd name="connsiteY17" fmla="*/ 1436895 h 2076110"/>
              <a:gd name="connsiteX18" fmla="*/ 396145 w 1027234"/>
              <a:gd name="connsiteY18" fmla="*/ 1163954 h 2076110"/>
              <a:gd name="connsiteX19" fmla="*/ 389446 w 1027234"/>
              <a:gd name="connsiteY19" fmla="*/ 890231 h 2076110"/>
              <a:gd name="connsiteX20" fmla="*/ 423581 w 1027234"/>
              <a:gd name="connsiteY20" fmla="*/ 616504 h 2076110"/>
              <a:gd name="connsiteX21" fmla="*/ 91892 w 1027234"/>
              <a:gd name="connsiteY21" fmla="*/ 137933 h 2076110"/>
              <a:gd name="connsiteX22" fmla="*/ 132544 w 1027234"/>
              <a:gd name="connsiteY22" fmla="*/ 17000 h 2076110"/>
              <a:gd name="connsiteX23" fmla="*/ 437344 w 1027234"/>
              <a:gd name="connsiteY23" fmla="*/ 446491 h 2076110"/>
              <a:gd name="connsiteX24" fmla="*/ 506345 w 1027234"/>
              <a:gd name="connsiteY24" fmla="*/ 409347 h 2076110"/>
              <a:gd name="connsiteX25" fmla="*/ 602317 w 1027234"/>
              <a:gd name="connsiteY25" fmla="*/ 483542 h 20761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</a:cxnLst>
            <a:rect l="l" t="t" r="r" b="b"/>
            <a:pathLst>
              <a:path w="1027234" h="2076110">
                <a:moveTo>
                  <a:pt x="585155" y="477985"/>
                </a:moveTo>
                <a:cubicBezTo>
                  <a:pt x="621919" y="488213"/>
                  <a:pt x="672555" y="451881"/>
                  <a:pt x="689483" y="460487"/>
                </a:cubicBezTo>
                <a:cubicBezTo>
                  <a:pt x="706412" y="469093"/>
                  <a:pt x="638877" y="467297"/>
                  <a:pt x="686726" y="529619"/>
                </a:cubicBezTo>
                <a:cubicBezTo>
                  <a:pt x="734575" y="591941"/>
                  <a:pt x="924706" y="764090"/>
                  <a:pt x="976577" y="834419"/>
                </a:cubicBezTo>
                <a:cubicBezTo>
                  <a:pt x="1028448" y="904748"/>
                  <a:pt x="1048569" y="967758"/>
                  <a:pt x="997952" y="951594"/>
                </a:cubicBezTo>
                <a:cubicBezTo>
                  <a:pt x="947335" y="935430"/>
                  <a:pt x="717922" y="684262"/>
                  <a:pt x="672872" y="737437"/>
                </a:cubicBezTo>
                <a:cubicBezTo>
                  <a:pt x="627822" y="790612"/>
                  <a:pt x="734579" y="1092842"/>
                  <a:pt x="727652" y="1270642"/>
                </a:cubicBezTo>
                <a:cubicBezTo>
                  <a:pt x="720725" y="1448442"/>
                  <a:pt x="633511" y="1673741"/>
                  <a:pt x="631308" y="1804237"/>
                </a:cubicBezTo>
                <a:cubicBezTo>
                  <a:pt x="629105" y="1934733"/>
                  <a:pt x="743215" y="1971026"/>
                  <a:pt x="714435" y="2053619"/>
                </a:cubicBezTo>
                <a:cubicBezTo>
                  <a:pt x="685655" y="2136212"/>
                  <a:pt x="517805" y="1973101"/>
                  <a:pt x="500464" y="1859264"/>
                </a:cubicBezTo>
                <a:cubicBezTo>
                  <a:pt x="483123" y="1745427"/>
                  <a:pt x="609364" y="1472132"/>
                  <a:pt x="610389" y="1370597"/>
                </a:cubicBezTo>
                <a:cubicBezTo>
                  <a:pt x="611414" y="1269062"/>
                  <a:pt x="533149" y="1233200"/>
                  <a:pt x="506617" y="1250055"/>
                </a:cubicBezTo>
                <a:cubicBezTo>
                  <a:pt x="480085" y="1266910"/>
                  <a:pt x="511235" y="1381674"/>
                  <a:pt x="451199" y="1471728"/>
                </a:cubicBezTo>
                <a:cubicBezTo>
                  <a:pt x="391163" y="1561782"/>
                  <a:pt x="168313" y="1716491"/>
                  <a:pt x="146399" y="1790382"/>
                </a:cubicBezTo>
                <a:cubicBezTo>
                  <a:pt x="124485" y="1864273"/>
                  <a:pt x="315099" y="1822121"/>
                  <a:pt x="319717" y="1915073"/>
                </a:cubicBezTo>
                <a:cubicBezTo>
                  <a:pt x="324335" y="2008025"/>
                  <a:pt x="227171" y="1984972"/>
                  <a:pt x="174108" y="1970491"/>
                </a:cubicBezTo>
                <a:cubicBezTo>
                  <a:pt x="121045" y="1956010"/>
                  <a:pt x="-14903" y="1917121"/>
                  <a:pt x="1337" y="1828188"/>
                </a:cubicBezTo>
                <a:cubicBezTo>
                  <a:pt x="17577" y="1739255"/>
                  <a:pt x="205744" y="1547601"/>
                  <a:pt x="271545" y="1436895"/>
                </a:cubicBezTo>
                <a:cubicBezTo>
                  <a:pt x="337346" y="1326189"/>
                  <a:pt x="376495" y="1255065"/>
                  <a:pt x="396145" y="1163954"/>
                </a:cubicBezTo>
                <a:cubicBezTo>
                  <a:pt x="415795" y="1072843"/>
                  <a:pt x="384873" y="981473"/>
                  <a:pt x="389446" y="890231"/>
                </a:cubicBezTo>
                <a:cubicBezTo>
                  <a:pt x="394019" y="798989"/>
                  <a:pt x="473173" y="741887"/>
                  <a:pt x="423581" y="616504"/>
                </a:cubicBezTo>
                <a:cubicBezTo>
                  <a:pt x="373989" y="491121"/>
                  <a:pt x="140398" y="237850"/>
                  <a:pt x="91892" y="137933"/>
                </a:cubicBezTo>
                <a:cubicBezTo>
                  <a:pt x="43386" y="38016"/>
                  <a:pt x="74969" y="-34426"/>
                  <a:pt x="132544" y="17000"/>
                </a:cubicBezTo>
                <a:cubicBezTo>
                  <a:pt x="190119" y="68426"/>
                  <a:pt x="375044" y="381100"/>
                  <a:pt x="437344" y="446491"/>
                </a:cubicBezTo>
                <a:cubicBezTo>
                  <a:pt x="499644" y="511882"/>
                  <a:pt x="478850" y="403172"/>
                  <a:pt x="506345" y="409347"/>
                </a:cubicBezTo>
                <a:cubicBezTo>
                  <a:pt x="533841" y="415522"/>
                  <a:pt x="571144" y="444287"/>
                  <a:pt x="602317" y="483542"/>
                </a:cubicBezTo>
              </a:path>
            </a:pathLst>
          </a:cu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29" name="Oval 28"/>
          <p:cNvSpPr/>
          <p:nvPr/>
        </p:nvSpPr>
        <p:spPr>
          <a:xfrm>
            <a:off x="7020272" y="5733256"/>
            <a:ext cx="300792" cy="187359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30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54263" y="6492875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317570550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157163"/>
            <a:ext cx="8229600" cy="1143000"/>
          </a:xfrm>
        </p:spPr>
        <p:txBody>
          <a:bodyPr/>
          <a:lstStyle/>
          <a:p>
            <a:r>
              <a:rPr lang="en-US" altLang="ja-JP" dirty="0" smtClean="0">
                <a:solidFill>
                  <a:schemeClr val="tx1"/>
                </a:solidFill>
              </a:rPr>
              <a:t>Research Approach</a:t>
            </a:r>
            <a:endParaRPr kumimoji="1" lang="ja-JP" altLang="en-US" dirty="0">
              <a:solidFill>
                <a:schemeClr val="tx1"/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  <p:graphicFrame>
        <p:nvGraphicFramePr>
          <p:cNvPr id="6" name="Diagram 5"/>
          <p:cNvGraphicFramePr/>
          <p:nvPr>
            <p:extLst>
              <p:ext uri="{D42A27DB-BD31-4B8C-83A1-F6EECF244321}">
                <p14:modId xmlns:p14="http://schemas.microsoft.com/office/powerpoint/2010/main" val="4075458002"/>
              </p:ext>
            </p:extLst>
          </p:nvPr>
        </p:nvGraphicFramePr>
        <p:xfrm>
          <a:off x="271463" y="481648"/>
          <a:ext cx="8629649" cy="536987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8" name="Rounded Rectangle 7"/>
          <p:cNvSpPr/>
          <p:nvPr/>
        </p:nvSpPr>
        <p:spPr>
          <a:xfrm>
            <a:off x="2834673" y="4794476"/>
            <a:ext cx="1957387" cy="1130300"/>
          </a:xfrm>
          <a:prstGeom prst="roundRect">
            <a:avLst/>
          </a:prstGeom>
          <a:solidFill>
            <a:schemeClr val="accent1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</a:rPr>
              <a:t>Rigorous evaluation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9" name="Right Arrow 8"/>
          <p:cNvSpPr/>
          <p:nvPr/>
        </p:nvSpPr>
        <p:spPr>
          <a:xfrm rot="19093391">
            <a:off x="3733327" y="4187743"/>
            <a:ext cx="658175" cy="478586"/>
          </a:xfrm>
          <a:prstGeom prst="righ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ounded Rectangle 9"/>
          <p:cNvSpPr/>
          <p:nvPr/>
        </p:nvSpPr>
        <p:spPr>
          <a:xfrm>
            <a:off x="4896707" y="4797538"/>
            <a:ext cx="1957387" cy="1130300"/>
          </a:xfrm>
          <a:prstGeom prst="round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schemeClr val="tx1"/>
                </a:solidFill>
              </a:rPr>
              <a:t>Data analytics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1" name="Right Arrow 10"/>
          <p:cNvSpPr/>
          <p:nvPr/>
        </p:nvSpPr>
        <p:spPr>
          <a:xfrm rot="13889727">
            <a:off x="5154170" y="4187743"/>
            <a:ext cx="658175" cy="478586"/>
          </a:xfrm>
          <a:prstGeom prst="rightArrow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86232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-148254" y="2166959"/>
            <a:ext cx="2880320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4000" dirty="0" smtClean="0"/>
              <a:t>WHY Evaluation</a:t>
            </a:r>
          </a:p>
          <a:p>
            <a:pPr algn="ctr"/>
            <a:r>
              <a:rPr lang="en-SG" sz="4000" dirty="0" smtClean="0"/>
              <a:t>Research?</a:t>
            </a:r>
            <a:endParaRPr lang="en-SG" sz="4000" dirty="0"/>
          </a:p>
        </p:txBody>
      </p:sp>
      <p:sp>
        <p:nvSpPr>
          <p:cNvPr id="10" name="TextBox 9"/>
          <p:cNvSpPr txBox="1"/>
          <p:nvPr/>
        </p:nvSpPr>
        <p:spPr>
          <a:xfrm>
            <a:off x="5752728" y="4385297"/>
            <a:ext cx="3096344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2400" b="1" dirty="0" smtClean="0"/>
              <a:t>Cost Effectivenes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G" dirty="0" smtClean="0"/>
              <a:t>With limited resources, we need to know what’s the best use for our money</a:t>
            </a:r>
            <a:endParaRPr lang="en-SG" dirty="0"/>
          </a:p>
        </p:txBody>
      </p:sp>
      <p:sp>
        <p:nvSpPr>
          <p:cNvPr id="11" name="TextBox 10"/>
          <p:cNvSpPr txBox="1"/>
          <p:nvPr/>
        </p:nvSpPr>
        <p:spPr>
          <a:xfrm>
            <a:off x="5644716" y="1255693"/>
            <a:ext cx="3312368" cy="184665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2400" b="1" dirty="0" smtClean="0"/>
              <a:t>Improve Practic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G" dirty="0" smtClean="0"/>
              <a:t>Identify the areas that need to be strengthened to enhance the impact of the progr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G" dirty="0" smtClean="0"/>
              <a:t>To share knowledge about your program </a:t>
            </a:r>
            <a:endParaRPr lang="en-SG" dirty="0"/>
          </a:p>
        </p:txBody>
      </p:sp>
      <p:sp>
        <p:nvSpPr>
          <p:cNvPr id="13" name="TextBox 12"/>
          <p:cNvSpPr txBox="1"/>
          <p:nvPr/>
        </p:nvSpPr>
        <p:spPr>
          <a:xfrm>
            <a:off x="2492313" y="1846141"/>
            <a:ext cx="3152403" cy="32316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sz="2400" b="1" dirty="0" smtClean="0"/>
              <a:t>Assess Impac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G" dirty="0" smtClean="0"/>
              <a:t>Ensure that the intervention has produced the intended effect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G" dirty="0" smtClean="0"/>
              <a:t>Quantify the result of the program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G" dirty="0" smtClean="0"/>
              <a:t>Demonstrate that the program is effective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SG" dirty="0" smtClean="0"/>
              <a:t>Gather funding support</a:t>
            </a:r>
          </a:p>
          <a:p>
            <a:pPr marL="742950" lvl="1" indent="-285750">
              <a:buFont typeface="Wingdings" panose="05000000000000000000" pitchFamily="2" charset="2"/>
              <a:buChar char="§"/>
            </a:pPr>
            <a:r>
              <a:rPr lang="en-SG" dirty="0" smtClean="0"/>
              <a:t>Convince staff to adopt new practices</a:t>
            </a:r>
          </a:p>
        </p:txBody>
      </p:sp>
      <p:grpSp>
        <p:nvGrpSpPr>
          <p:cNvPr id="2" name="Group 1"/>
          <p:cNvGrpSpPr/>
          <p:nvPr/>
        </p:nvGrpSpPr>
        <p:grpSpPr>
          <a:xfrm>
            <a:off x="1751301" y="1511514"/>
            <a:ext cx="713563" cy="1379098"/>
            <a:chOff x="1987370" y="868206"/>
            <a:chExt cx="856532" cy="1699710"/>
          </a:xfrm>
        </p:grpSpPr>
        <p:sp>
          <p:nvSpPr>
            <p:cNvPr id="7" name="Oval 6"/>
            <p:cNvSpPr/>
            <p:nvPr/>
          </p:nvSpPr>
          <p:spPr>
            <a:xfrm>
              <a:off x="2236565" y="868206"/>
              <a:ext cx="350289" cy="320612"/>
            </a:xfrm>
            <a:prstGeom prst="ellipse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8" name="Freeform 7"/>
            <p:cNvSpPr/>
            <p:nvPr/>
          </p:nvSpPr>
          <p:spPr>
            <a:xfrm>
              <a:off x="1987370" y="952270"/>
              <a:ext cx="856532" cy="1615646"/>
            </a:xfrm>
            <a:custGeom>
              <a:avLst/>
              <a:gdLst>
                <a:gd name="connsiteX0" fmla="*/ 281161 w 1870175"/>
                <a:gd name="connsiteY0" fmla="*/ 10184 h 3799857"/>
                <a:gd name="connsiteX1" fmla="*/ 724073 w 1870175"/>
                <a:gd name="connsiteY1" fmla="*/ 910297 h 3799857"/>
                <a:gd name="connsiteX2" fmla="*/ 1138411 w 1870175"/>
                <a:gd name="connsiteY2" fmla="*/ 953159 h 3799857"/>
                <a:gd name="connsiteX3" fmla="*/ 1681336 w 1870175"/>
                <a:gd name="connsiteY3" fmla="*/ 38759 h 3799857"/>
                <a:gd name="connsiteX4" fmla="*/ 1852786 w 1870175"/>
                <a:gd name="connsiteY4" fmla="*/ 267359 h 3799857"/>
                <a:gd name="connsiteX5" fmla="*/ 1309861 w 1870175"/>
                <a:gd name="connsiteY5" fmla="*/ 1153184 h 3799857"/>
                <a:gd name="connsiteX6" fmla="*/ 1281286 w 1870175"/>
                <a:gd name="connsiteY6" fmla="*/ 3482047 h 3799857"/>
                <a:gd name="connsiteX7" fmla="*/ 938386 w 1870175"/>
                <a:gd name="connsiteY7" fmla="*/ 3467759 h 3799857"/>
                <a:gd name="connsiteX8" fmla="*/ 924098 w 1870175"/>
                <a:gd name="connsiteY8" fmla="*/ 2224747 h 3799857"/>
                <a:gd name="connsiteX9" fmla="*/ 924098 w 1870175"/>
                <a:gd name="connsiteY9" fmla="*/ 3539197 h 3799857"/>
                <a:gd name="connsiteX10" fmla="*/ 595486 w 1870175"/>
                <a:gd name="connsiteY10" fmla="*/ 3582059 h 3799857"/>
                <a:gd name="connsiteX11" fmla="*/ 609773 w 1870175"/>
                <a:gd name="connsiteY11" fmla="*/ 1210334 h 3799857"/>
                <a:gd name="connsiteX12" fmla="*/ 9698 w 1870175"/>
                <a:gd name="connsiteY12" fmla="*/ 138772 h 3799857"/>
                <a:gd name="connsiteX13" fmla="*/ 295448 w 1870175"/>
                <a:gd name="connsiteY13" fmla="*/ 67334 h 3799857"/>
                <a:gd name="connsiteX0" fmla="*/ 281161 w 1870175"/>
                <a:gd name="connsiteY0" fmla="*/ 10184 h 3710679"/>
                <a:gd name="connsiteX1" fmla="*/ 724073 w 1870175"/>
                <a:gd name="connsiteY1" fmla="*/ 910297 h 3710679"/>
                <a:gd name="connsiteX2" fmla="*/ 1138411 w 1870175"/>
                <a:gd name="connsiteY2" fmla="*/ 953159 h 3710679"/>
                <a:gd name="connsiteX3" fmla="*/ 1681336 w 1870175"/>
                <a:gd name="connsiteY3" fmla="*/ 38759 h 3710679"/>
                <a:gd name="connsiteX4" fmla="*/ 1852786 w 1870175"/>
                <a:gd name="connsiteY4" fmla="*/ 267359 h 3710679"/>
                <a:gd name="connsiteX5" fmla="*/ 1309861 w 1870175"/>
                <a:gd name="connsiteY5" fmla="*/ 1153184 h 3710679"/>
                <a:gd name="connsiteX6" fmla="*/ 1281286 w 1870175"/>
                <a:gd name="connsiteY6" fmla="*/ 3482047 h 3710679"/>
                <a:gd name="connsiteX7" fmla="*/ 938386 w 1870175"/>
                <a:gd name="connsiteY7" fmla="*/ 3467759 h 3710679"/>
                <a:gd name="connsiteX8" fmla="*/ 924098 w 1870175"/>
                <a:gd name="connsiteY8" fmla="*/ 2224747 h 3710679"/>
                <a:gd name="connsiteX9" fmla="*/ 924098 w 1870175"/>
                <a:gd name="connsiteY9" fmla="*/ 3539197 h 3710679"/>
                <a:gd name="connsiteX10" fmla="*/ 595486 w 1870175"/>
                <a:gd name="connsiteY10" fmla="*/ 3439184 h 3710679"/>
                <a:gd name="connsiteX11" fmla="*/ 609773 w 1870175"/>
                <a:gd name="connsiteY11" fmla="*/ 1210334 h 3710679"/>
                <a:gd name="connsiteX12" fmla="*/ 9698 w 1870175"/>
                <a:gd name="connsiteY12" fmla="*/ 138772 h 3710679"/>
                <a:gd name="connsiteX13" fmla="*/ 295448 w 1870175"/>
                <a:gd name="connsiteY13" fmla="*/ 67334 h 3710679"/>
                <a:gd name="connsiteX0" fmla="*/ 281161 w 1870175"/>
                <a:gd name="connsiteY0" fmla="*/ 10184 h 3714089"/>
                <a:gd name="connsiteX1" fmla="*/ 724073 w 1870175"/>
                <a:gd name="connsiteY1" fmla="*/ 910297 h 3714089"/>
                <a:gd name="connsiteX2" fmla="*/ 1138411 w 1870175"/>
                <a:gd name="connsiteY2" fmla="*/ 953159 h 3714089"/>
                <a:gd name="connsiteX3" fmla="*/ 1681336 w 1870175"/>
                <a:gd name="connsiteY3" fmla="*/ 38759 h 3714089"/>
                <a:gd name="connsiteX4" fmla="*/ 1852786 w 1870175"/>
                <a:gd name="connsiteY4" fmla="*/ 267359 h 3714089"/>
                <a:gd name="connsiteX5" fmla="*/ 1309861 w 1870175"/>
                <a:gd name="connsiteY5" fmla="*/ 1153184 h 3714089"/>
                <a:gd name="connsiteX6" fmla="*/ 1281286 w 1870175"/>
                <a:gd name="connsiteY6" fmla="*/ 3496334 h 3714089"/>
                <a:gd name="connsiteX7" fmla="*/ 938386 w 1870175"/>
                <a:gd name="connsiteY7" fmla="*/ 3467759 h 3714089"/>
                <a:gd name="connsiteX8" fmla="*/ 924098 w 1870175"/>
                <a:gd name="connsiteY8" fmla="*/ 2224747 h 3714089"/>
                <a:gd name="connsiteX9" fmla="*/ 924098 w 1870175"/>
                <a:gd name="connsiteY9" fmla="*/ 3539197 h 3714089"/>
                <a:gd name="connsiteX10" fmla="*/ 595486 w 1870175"/>
                <a:gd name="connsiteY10" fmla="*/ 3439184 h 3714089"/>
                <a:gd name="connsiteX11" fmla="*/ 609773 w 1870175"/>
                <a:gd name="connsiteY11" fmla="*/ 1210334 h 3714089"/>
                <a:gd name="connsiteX12" fmla="*/ 9698 w 1870175"/>
                <a:gd name="connsiteY12" fmla="*/ 138772 h 3714089"/>
                <a:gd name="connsiteX13" fmla="*/ 295448 w 1870175"/>
                <a:gd name="connsiteY13" fmla="*/ 67334 h 3714089"/>
                <a:gd name="connsiteX0" fmla="*/ 281161 w 1870175"/>
                <a:gd name="connsiteY0" fmla="*/ 10184 h 3710679"/>
                <a:gd name="connsiteX1" fmla="*/ 724073 w 1870175"/>
                <a:gd name="connsiteY1" fmla="*/ 910297 h 3710679"/>
                <a:gd name="connsiteX2" fmla="*/ 1138411 w 1870175"/>
                <a:gd name="connsiteY2" fmla="*/ 953159 h 3710679"/>
                <a:gd name="connsiteX3" fmla="*/ 1681336 w 1870175"/>
                <a:gd name="connsiteY3" fmla="*/ 38759 h 3710679"/>
                <a:gd name="connsiteX4" fmla="*/ 1852786 w 1870175"/>
                <a:gd name="connsiteY4" fmla="*/ 267359 h 3710679"/>
                <a:gd name="connsiteX5" fmla="*/ 1309861 w 1870175"/>
                <a:gd name="connsiteY5" fmla="*/ 1153184 h 3710679"/>
                <a:gd name="connsiteX6" fmla="*/ 1281286 w 1870175"/>
                <a:gd name="connsiteY6" fmla="*/ 3496334 h 3710679"/>
                <a:gd name="connsiteX7" fmla="*/ 938386 w 1870175"/>
                <a:gd name="connsiteY7" fmla="*/ 3467759 h 3710679"/>
                <a:gd name="connsiteX8" fmla="*/ 924098 w 1870175"/>
                <a:gd name="connsiteY8" fmla="*/ 2224747 h 3710679"/>
                <a:gd name="connsiteX9" fmla="*/ 924098 w 1870175"/>
                <a:gd name="connsiteY9" fmla="*/ 3539197 h 3710679"/>
                <a:gd name="connsiteX10" fmla="*/ 595486 w 1870175"/>
                <a:gd name="connsiteY10" fmla="*/ 3439184 h 3710679"/>
                <a:gd name="connsiteX11" fmla="*/ 609773 w 1870175"/>
                <a:gd name="connsiteY11" fmla="*/ 1210334 h 3710679"/>
                <a:gd name="connsiteX12" fmla="*/ 9698 w 1870175"/>
                <a:gd name="connsiteY12" fmla="*/ 138772 h 3710679"/>
                <a:gd name="connsiteX13" fmla="*/ 295448 w 1870175"/>
                <a:gd name="connsiteY13" fmla="*/ 67334 h 3710679"/>
                <a:gd name="connsiteX0" fmla="*/ 281161 w 1870175"/>
                <a:gd name="connsiteY0" fmla="*/ 10184 h 3695136"/>
                <a:gd name="connsiteX1" fmla="*/ 724073 w 1870175"/>
                <a:gd name="connsiteY1" fmla="*/ 910297 h 3695136"/>
                <a:gd name="connsiteX2" fmla="*/ 1138411 w 1870175"/>
                <a:gd name="connsiteY2" fmla="*/ 953159 h 3695136"/>
                <a:gd name="connsiteX3" fmla="*/ 1681336 w 1870175"/>
                <a:gd name="connsiteY3" fmla="*/ 38759 h 3695136"/>
                <a:gd name="connsiteX4" fmla="*/ 1852786 w 1870175"/>
                <a:gd name="connsiteY4" fmla="*/ 267359 h 3695136"/>
                <a:gd name="connsiteX5" fmla="*/ 1309861 w 1870175"/>
                <a:gd name="connsiteY5" fmla="*/ 1153184 h 3695136"/>
                <a:gd name="connsiteX6" fmla="*/ 1281286 w 1870175"/>
                <a:gd name="connsiteY6" fmla="*/ 3496334 h 3695136"/>
                <a:gd name="connsiteX7" fmla="*/ 938386 w 1870175"/>
                <a:gd name="connsiteY7" fmla="*/ 3467759 h 3695136"/>
                <a:gd name="connsiteX8" fmla="*/ 924098 w 1870175"/>
                <a:gd name="connsiteY8" fmla="*/ 2224747 h 3695136"/>
                <a:gd name="connsiteX9" fmla="*/ 924098 w 1870175"/>
                <a:gd name="connsiteY9" fmla="*/ 3539197 h 3695136"/>
                <a:gd name="connsiteX10" fmla="*/ 595486 w 1870175"/>
                <a:gd name="connsiteY10" fmla="*/ 3439184 h 3695136"/>
                <a:gd name="connsiteX11" fmla="*/ 609773 w 1870175"/>
                <a:gd name="connsiteY11" fmla="*/ 1210334 h 3695136"/>
                <a:gd name="connsiteX12" fmla="*/ 9698 w 1870175"/>
                <a:gd name="connsiteY12" fmla="*/ 138772 h 3695136"/>
                <a:gd name="connsiteX13" fmla="*/ 295448 w 1870175"/>
                <a:gd name="connsiteY13" fmla="*/ 67334 h 3695136"/>
                <a:gd name="connsiteX0" fmla="*/ 281161 w 1870175"/>
                <a:gd name="connsiteY0" fmla="*/ 10184 h 3694199"/>
                <a:gd name="connsiteX1" fmla="*/ 724073 w 1870175"/>
                <a:gd name="connsiteY1" fmla="*/ 910297 h 3694199"/>
                <a:gd name="connsiteX2" fmla="*/ 1138411 w 1870175"/>
                <a:gd name="connsiteY2" fmla="*/ 953159 h 3694199"/>
                <a:gd name="connsiteX3" fmla="*/ 1681336 w 1870175"/>
                <a:gd name="connsiteY3" fmla="*/ 38759 h 3694199"/>
                <a:gd name="connsiteX4" fmla="*/ 1852786 w 1870175"/>
                <a:gd name="connsiteY4" fmla="*/ 267359 h 3694199"/>
                <a:gd name="connsiteX5" fmla="*/ 1309861 w 1870175"/>
                <a:gd name="connsiteY5" fmla="*/ 1153184 h 3694199"/>
                <a:gd name="connsiteX6" fmla="*/ 1281286 w 1870175"/>
                <a:gd name="connsiteY6" fmla="*/ 3496334 h 3694199"/>
                <a:gd name="connsiteX7" fmla="*/ 938386 w 1870175"/>
                <a:gd name="connsiteY7" fmla="*/ 3467759 h 3694199"/>
                <a:gd name="connsiteX8" fmla="*/ 995536 w 1870175"/>
                <a:gd name="connsiteY8" fmla="*/ 2239034 h 3694199"/>
                <a:gd name="connsiteX9" fmla="*/ 924098 w 1870175"/>
                <a:gd name="connsiteY9" fmla="*/ 3539197 h 3694199"/>
                <a:gd name="connsiteX10" fmla="*/ 595486 w 1870175"/>
                <a:gd name="connsiteY10" fmla="*/ 3439184 h 3694199"/>
                <a:gd name="connsiteX11" fmla="*/ 609773 w 1870175"/>
                <a:gd name="connsiteY11" fmla="*/ 1210334 h 3694199"/>
                <a:gd name="connsiteX12" fmla="*/ 9698 w 1870175"/>
                <a:gd name="connsiteY12" fmla="*/ 138772 h 3694199"/>
                <a:gd name="connsiteX13" fmla="*/ 295448 w 1870175"/>
                <a:gd name="connsiteY13" fmla="*/ 67334 h 3694199"/>
                <a:gd name="connsiteX0" fmla="*/ 281161 w 1870175"/>
                <a:gd name="connsiteY0" fmla="*/ 10184 h 3694199"/>
                <a:gd name="connsiteX1" fmla="*/ 724073 w 1870175"/>
                <a:gd name="connsiteY1" fmla="*/ 910297 h 3694199"/>
                <a:gd name="connsiteX2" fmla="*/ 1138411 w 1870175"/>
                <a:gd name="connsiteY2" fmla="*/ 953159 h 3694199"/>
                <a:gd name="connsiteX3" fmla="*/ 1681336 w 1870175"/>
                <a:gd name="connsiteY3" fmla="*/ 38759 h 3694199"/>
                <a:gd name="connsiteX4" fmla="*/ 1852786 w 1870175"/>
                <a:gd name="connsiteY4" fmla="*/ 267359 h 3694199"/>
                <a:gd name="connsiteX5" fmla="*/ 1309861 w 1870175"/>
                <a:gd name="connsiteY5" fmla="*/ 1153184 h 3694199"/>
                <a:gd name="connsiteX6" fmla="*/ 1281286 w 1870175"/>
                <a:gd name="connsiteY6" fmla="*/ 3496334 h 3694199"/>
                <a:gd name="connsiteX7" fmla="*/ 938386 w 1870175"/>
                <a:gd name="connsiteY7" fmla="*/ 3467759 h 3694199"/>
                <a:gd name="connsiteX8" fmla="*/ 952674 w 1870175"/>
                <a:gd name="connsiteY8" fmla="*/ 2239034 h 3694199"/>
                <a:gd name="connsiteX9" fmla="*/ 924098 w 1870175"/>
                <a:gd name="connsiteY9" fmla="*/ 3539197 h 3694199"/>
                <a:gd name="connsiteX10" fmla="*/ 595486 w 1870175"/>
                <a:gd name="connsiteY10" fmla="*/ 3439184 h 3694199"/>
                <a:gd name="connsiteX11" fmla="*/ 609773 w 1870175"/>
                <a:gd name="connsiteY11" fmla="*/ 1210334 h 3694199"/>
                <a:gd name="connsiteX12" fmla="*/ 9698 w 1870175"/>
                <a:gd name="connsiteY12" fmla="*/ 138772 h 3694199"/>
                <a:gd name="connsiteX13" fmla="*/ 295448 w 1870175"/>
                <a:gd name="connsiteY13" fmla="*/ 67334 h 3694199"/>
                <a:gd name="connsiteX0" fmla="*/ 281161 w 1870175"/>
                <a:gd name="connsiteY0" fmla="*/ 10184 h 3694199"/>
                <a:gd name="connsiteX1" fmla="*/ 752648 w 1870175"/>
                <a:gd name="connsiteY1" fmla="*/ 853147 h 3694199"/>
                <a:gd name="connsiteX2" fmla="*/ 1138411 w 1870175"/>
                <a:gd name="connsiteY2" fmla="*/ 953159 h 3694199"/>
                <a:gd name="connsiteX3" fmla="*/ 1681336 w 1870175"/>
                <a:gd name="connsiteY3" fmla="*/ 38759 h 3694199"/>
                <a:gd name="connsiteX4" fmla="*/ 1852786 w 1870175"/>
                <a:gd name="connsiteY4" fmla="*/ 267359 h 3694199"/>
                <a:gd name="connsiteX5" fmla="*/ 1309861 w 1870175"/>
                <a:gd name="connsiteY5" fmla="*/ 1153184 h 3694199"/>
                <a:gd name="connsiteX6" fmla="*/ 1281286 w 1870175"/>
                <a:gd name="connsiteY6" fmla="*/ 3496334 h 3694199"/>
                <a:gd name="connsiteX7" fmla="*/ 938386 w 1870175"/>
                <a:gd name="connsiteY7" fmla="*/ 3467759 h 3694199"/>
                <a:gd name="connsiteX8" fmla="*/ 952674 w 1870175"/>
                <a:gd name="connsiteY8" fmla="*/ 2239034 h 3694199"/>
                <a:gd name="connsiteX9" fmla="*/ 924098 w 1870175"/>
                <a:gd name="connsiteY9" fmla="*/ 3539197 h 3694199"/>
                <a:gd name="connsiteX10" fmla="*/ 595486 w 1870175"/>
                <a:gd name="connsiteY10" fmla="*/ 3439184 h 3694199"/>
                <a:gd name="connsiteX11" fmla="*/ 609773 w 1870175"/>
                <a:gd name="connsiteY11" fmla="*/ 1210334 h 3694199"/>
                <a:gd name="connsiteX12" fmla="*/ 9698 w 1870175"/>
                <a:gd name="connsiteY12" fmla="*/ 138772 h 3694199"/>
                <a:gd name="connsiteX13" fmla="*/ 295448 w 1870175"/>
                <a:gd name="connsiteY13" fmla="*/ 67334 h 3694199"/>
                <a:gd name="connsiteX0" fmla="*/ 281161 w 1869343"/>
                <a:gd name="connsiteY0" fmla="*/ 5297 h 3689312"/>
                <a:gd name="connsiteX1" fmla="*/ 752648 w 1869343"/>
                <a:gd name="connsiteY1" fmla="*/ 848260 h 3689312"/>
                <a:gd name="connsiteX2" fmla="*/ 1195561 w 1869343"/>
                <a:gd name="connsiteY2" fmla="*/ 876834 h 3689312"/>
                <a:gd name="connsiteX3" fmla="*/ 1681336 w 1869343"/>
                <a:gd name="connsiteY3" fmla="*/ 33872 h 3689312"/>
                <a:gd name="connsiteX4" fmla="*/ 1852786 w 1869343"/>
                <a:gd name="connsiteY4" fmla="*/ 262472 h 3689312"/>
                <a:gd name="connsiteX5" fmla="*/ 1309861 w 1869343"/>
                <a:gd name="connsiteY5" fmla="*/ 1148297 h 3689312"/>
                <a:gd name="connsiteX6" fmla="*/ 1281286 w 1869343"/>
                <a:gd name="connsiteY6" fmla="*/ 3491447 h 3689312"/>
                <a:gd name="connsiteX7" fmla="*/ 938386 w 1869343"/>
                <a:gd name="connsiteY7" fmla="*/ 3462872 h 3689312"/>
                <a:gd name="connsiteX8" fmla="*/ 952674 w 1869343"/>
                <a:gd name="connsiteY8" fmla="*/ 2234147 h 3689312"/>
                <a:gd name="connsiteX9" fmla="*/ 924098 w 1869343"/>
                <a:gd name="connsiteY9" fmla="*/ 3534310 h 3689312"/>
                <a:gd name="connsiteX10" fmla="*/ 595486 w 1869343"/>
                <a:gd name="connsiteY10" fmla="*/ 3434297 h 3689312"/>
                <a:gd name="connsiteX11" fmla="*/ 609773 w 1869343"/>
                <a:gd name="connsiteY11" fmla="*/ 1205447 h 3689312"/>
                <a:gd name="connsiteX12" fmla="*/ 9698 w 1869343"/>
                <a:gd name="connsiteY12" fmla="*/ 133885 h 3689312"/>
                <a:gd name="connsiteX13" fmla="*/ 295448 w 1869343"/>
                <a:gd name="connsiteY13" fmla="*/ 62447 h 3689312"/>
                <a:gd name="connsiteX0" fmla="*/ 281161 w 1869343"/>
                <a:gd name="connsiteY0" fmla="*/ 5297 h 3689312"/>
                <a:gd name="connsiteX1" fmla="*/ 752648 w 1869343"/>
                <a:gd name="connsiteY1" fmla="*/ 848260 h 3689312"/>
                <a:gd name="connsiteX2" fmla="*/ 1195561 w 1869343"/>
                <a:gd name="connsiteY2" fmla="*/ 876834 h 3689312"/>
                <a:gd name="connsiteX3" fmla="*/ 1681336 w 1869343"/>
                <a:gd name="connsiteY3" fmla="*/ 33872 h 3689312"/>
                <a:gd name="connsiteX4" fmla="*/ 1852786 w 1869343"/>
                <a:gd name="connsiteY4" fmla="*/ 262472 h 3689312"/>
                <a:gd name="connsiteX5" fmla="*/ 1309861 w 1869343"/>
                <a:gd name="connsiteY5" fmla="*/ 1148297 h 3689312"/>
                <a:gd name="connsiteX6" fmla="*/ 1281286 w 1869343"/>
                <a:gd name="connsiteY6" fmla="*/ 3491447 h 3689312"/>
                <a:gd name="connsiteX7" fmla="*/ 938386 w 1869343"/>
                <a:gd name="connsiteY7" fmla="*/ 3462872 h 3689312"/>
                <a:gd name="connsiteX8" fmla="*/ 952674 w 1869343"/>
                <a:gd name="connsiteY8" fmla="*/ 2234147 h 3689312"/>
                <a:gd name="connsiteX9" fmla="*/ 924098 w 1869343"/>
                <a:gd name="connsiteY9" fmla="*/ 3534310 h 3689312"/>
                <a:gd name="connsiteX10" fmla="*/ 595486 w 1869343"/>
                <a:gd name="connsiteY10" fmla="*/ 3434297 h 3689312"/>
                <a:gd name="connsiteX11" fmla="*/ 609773 w 1869343"/>
                <a:gd name="connsiteY11" fmla="*/ 1205447 h 3689312"/>
                <a:gd name="connsiteX12" fmla="*/ 9698 w 1869343"/>
                <a:gd name="connsiteY12" fmla="*/ 133885 h 3689312"/>
                <a:gd name="connsiteX13" fmla="*/ 295448 w 1869343"/>
                <a:gd name="connsiteY13" fmla="*/ 62447 h 3689312"/>
                <a:gd name="connsiteX0" fmla="*/ 281161 w 1869343"/>
                <a:gd name="connsiteY0" fmla="*/ 5297 h 3689312"/>
                <a:gd name="connsiteX1" fmla="*/ 752648 w 1869343"/>
                <a:gd name="connsiteY1" fmla="*/ 848260 h 3689312"/>
                <a:gd name="connsiteX2" fmla="*/ 1195561 w 1869343"/>
                <a:gd name="connsiteY2" fmla="*/ 876834 h 3689312"/>
                <a:gd name="connsiteX3" fmla="*/ 1681336 w 1869343"/>
                <a:gd name="connsiteY3" fmla="*/ 33872 h 3689312"/>
                <a:gd name="connsiteX4" fmla="*/ 1852786 w 1869343"/>
                <a:gd name="connsiteY4" fmla="*/ 262472 h 3689312"/>
                <a:gd name="connsiteX5" fmla="*/ 1309861 w 1869343"/>
                <a:gd name="connsiteY5" fmla="*/ 1148297 h 3689312"/>
                <a:gd name="connsiteX6" fmla="*/ 1281286 w 1869343"/>
                <a:gd name="connsiteY6" fmla="*/ 3491447 h 3689312"/>
                <a:gd name="connsiteX7" fmla="*/ 938386 w 1869343"/>
                <a:gd name="connsiteY7" fmla="*/ 3462872 h 3689312"/>
                <a:gd name="connsiteX8" fmla="*/ 952674 w 1869343"/>
                <a:gd name="connsiteY8" fmla="*/ 2234147 h 3689312"/>
                <a:gd name="connsiteX9" fmla="*/ 924098 w 1869343"/>
                <a:gd name="connsiteY9" fmla="*/ 3534310 h 3689312"/>
                <a:gd name="connsiteX10" fmla="*/ 595486 w 1869343"/>
                <a:gd name="connsiteY10" fmla="*/ 3434297 h 3689312"/>
                <a:gd name="connsiteX11" fmla="*/ 609773 w 1869343"/>
                <a:gd name="connsiteY11" fmla="*/ 1205447 h 3689312"/>
                <a:gd name="connsiteX12" fmla="*/ 9698 w 1869343"/>
                <a:gd name="connsiteY12" fmla="*/ 133885 h 3689312"/>
                <a:gd name="connsiteX13" fmla="*/ 295448 w 1869343"/>
                <a:gd name="connsiteY13" fmla="*/ 62447 h 3689312"/>
                <a:gd name="connsiteX0" fmla="*/ 281161 w 1863912"/>
                <a:gd name="connsiteY0" fmla="*/ 947 h 3684962"/>
                <a:gd name="connsiteX1" fmla="*/ 752648 w 1863912"/>
                <a:gd name="connsiteY1" fmla="*/ 843910 h 3684962"/>
                <a:gd name="connsiteX2" fmla="*/ 1195561 w 1863912"/>
                <a:gd name="connsiteY2" fmla="*/ 872484 h 3684962"/>
                <a:gd name="connsiteX3" fmla="*/ 1638473 w 1863912"/>
                <a:gd name="connsiteY3" fmla="*/ 129535 h 3684962"/>
                <a:gd name="connsiteX4" fmla="*/ 1852786 w 1863912"/>
                <a:gd name="connsiteY4" fmla="*/ 258122 h 3684962"/>
                <a:gd name="connsiteX5" fmla="*/ 1309861 w 1863912"/>
                <a:gd name="connsiteY5" fmla="*/ 1143947 h 3684962"/>
                <a:gd name="connsiteX6" fmla="*/ 1281286 w 1863912"/>
                <a:gd name="connsiteY6" fmla="*/ 3487097 h 3684962"/>
                <a:gd name="connsiteX7" fmla="*/ 938386 w 1863912"/>
                <a:gd name="connsiteY7" fmla="*/ 3458522 h 3684962"/>
                <a:gd name="connsiteX8" fmla="*/ 952674 w 1863912"/>
                <a:gd name="connsiteY8" fmla="*/ 2229797 h 3684962"/>
                <a:gd name="connsiteX9" fmla="*/ 924098 w 1863912"/>
                <a:gd name="connsiteY9" fmla="*/ 3529960 h 3684962"/>
                <a:gd name="connsiteX10" fmla="*/ 595486 w 1863912"/>
                <a:gd name="connsiteY10" fmla="*/ 3429947 h 3684962"/>
                <a:gd name="connsiteX11" fmla="*/ 609773 w 1863912"/>
                <a:gd name="connsiteY11" fmla="*/ 1201097 h 3684962"/>
                <a:gd name="connsiteX12" fmla="*/ 9698 w 1863912"/>
                <a:gd name="connsiteY12" fmla="*/ 129535 h 3684962"/>
                <a:gd name="connsiteX13" fmla="*/ 295448 w 1863912"/>
                <a:gd name="connsiteY13" fmla="*/ 58097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242888 w 1863912"/>
                <a:gd name="connsiteY13" fmla="*/ 28466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742950 w 1863912"/>
                <a:gd name="connsiteY13" fmla="*/ 871429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742950 w 1863912"/>
                <a:gd name="connsiteY13" fmla="*/ 871429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771525 w 1863912"/>
                <a:gd name="connsiteY13" fmla="*/ 842854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857250 w 1863912"/>
                <a:gd name="connsiteY13" fmla="*/ 742842 h 3684962"/>
                <a:gd name="connsiteX0" fmla="*/ 752648 w 1863912"/>
                <a:gd name="connsiteY0" fmla="*/ 843910 h 3684962"/>
                <a:gd name="connsiteX1" fmla="*/ 1195561 w 1863912"/>
                <a:gd name="connsiteY1" fmla="*/ 872484 h 3684962"/>
                <a:gd name="connsiteX2" fmla="*/ 1638473 w 1863912"/>
                <a:gd name="connsiteY2" fmla="*/ 129535 h 3684962"/>
                <a:gd name="connsiteX3" fmla="*/ 1852786 w 1863912"/>
                <a:gd name="connsiteY3" fmla="*/ 258122 h 3684962"/>
                <a:gd name="connsiteX4" fmla="*/ 1309861 w 1863912"/>
                <a:gd name="connsiteY4" fmla="*/ 1143947 h 3684962"/>
                <a:gd name="connsiteX5" fmla="*/ 1281286 w 1863912"/>
                <a:gd name="connsiteY5" fmla="*/ 3487097 h 3684962"/>
                <a:gd name="connsiteX6" fmla="*/ 938386 w 1863912"/>
                <a:gd name="connsiteY6" fmla="*/ 3458522 h 3684962"/>
                <a:gd name="connsiteX7" fmla="*/ 952674 w 1863912"/>
                <a:gd name="connsiteY7" fmla="*/ 2229797 h 3684962"/>
                <a:gd name="connsiteX8" fmla="*/ 924098 w 1863912"/>
                <a:gd name="connsiteY8" fmla="*/ 3529960 h 3684962"/>
                <a:gd name="connsiteX9" fmla="*/ 595486 w 1863912"/>
                <a:gd name="connsiteY9" fmla="*/ 3429947 h 3684962"/>
                <a:gd name="connsiteX10" fmla="*/ 609773 w 1863912"/>
                <a:gd name="connsiteY10" fmla="*/ 1201097 h 3684962"/>
                <a:gd name="connsiteX11" fmla="*/ 9698 w 1863912"/>
                <a:gd name="connsiteY11" fmla="*/ 129535 h 3684962"/>
                <a:gd name="connsiteX12" fmla="*/ 295448 w 1863912"/>
                <a:gd name="connsiteY12" fmla="*/ 58097 h 3684962"/>
                <a:gd name="connsiteX13" fmla="*/ 757237 w 1863912"/>
                <a:gd name="connsiteY13" fmla="*/ 857142 h 3684962"/>
                <a:gd name="connsiteX0" fmla="*/ 752083 w 1863347"/>
                <a:gd name="connsiteY0" fmla="*/ 872680 h 3713732"/>
                <a:gd name="connsiteX1" fmla="*/ 1194996 w 1863347"/>
                <a:gd name="connsiteY1" fmla="*/ 901254 h 3713732"/>
                <a:gd name="connsiteX2" fmla="*/ 1637908 w 1863347"/>
                <a:gd name="connsiteY2" fmla="*/ 158305 h 3713732"/>
                <a:gd name="connsiteX3" fmla="*/ 1852221 w 1863347"/>
                <a:gd name="connsiteY3" fmla="*/ 286892 h 3713732"/>
                <a:gd name="connsiteX4" fmla="*/ 1309296 w 1863347"/>
                <a:gd name="connsiteY4" fmla="*/ 1172717 h 3713732"/>
                <a:gd name="connsiteX5" fmla="*/ 1280721 w 1863347"/>
                <a:gd name="connsiteY5" fmla="*/ 3515867 h 3713732"/>
                <a:gd name="connsiteX6" fmla="*/ 937821 w 1863347"/>
                <a:gd name="connsiteY6" fmla="*/ 3487292 h 3713732"/>
                <a:gd name="connsiteX7" fmla="*/ 952109 w 1863347"/>
                <a:gd name="connsiteY7" fmla="*/ 2258567 h 3713732"/>
                <a:gd name="connsiteX8" fmla="*/ 923533 w 1863347"/>
                <a:gd name="connsiteY8" fmla="*/ 3558730 h 3713732"/>
                <a:gd name="connsiteX9" fmla="*/ 594921 w 1863347"/>
                <a:gd name="connsiteY9" fmla="*/ 3458717 h 3713732"/>
                <a:gd name="connsiteX10" fmla="*/ 609208 w 1863347"/>
                <a:gd name="connsiteY10" fmla="*/ 1229867 h 3713732"/>
                <a:gd name="connsiteX11" fmla="*/ 9133 w 1863347"/>
                <a:gd name="connsiteY11" fmla="*/ 158305 h 3713732"/>
                <a:gd name="connsiteX12" fmla="*/ 294883 w 1863347"/>
                <a:gd name="connsiteY12" fmla="*/ 86867 h 3713732"/>
                <a:gd name="connsiteX13" fmla="*/ 756672 w 1863347"/>
                <a:gd name="connsiteY13" fmla="*/ 885912 h 3713732"/>
                <a:gd name="connsiteX0" fmla="*/ 742963 w 1854227"/>
                <a:gd name="connsiteY0" fmla="*/ 847215 h 3688267"/>
                <a:gd name="connsiteX1" fmla="*/ 1185876 w 1854227"/>
                <a:gd name="connsiteY1" fmla="*/ 875789 h 3688267"/>
                <a:gd name="connsiteX2" fmla="*/ 1628788 w 1854227"/>
                <a:gd name="connsiteY2" fmla="*/ 132840 h 3688267"/>
                <a:gd name="connsiteX3" fmla="*/ 1843101 w 1854227"/>
                <a:gd name="connsiteY3" fmla="*/ 261427 h 3688267"/>
                <a:gd name="connsiteX4" fmla="*/ 1300176 w 1854227"/>
                <a:gd name="connsiteY4" fmla="*/ 1147252 h 3688267"/>
                <a:gd name="connsiteX5" fmla="*/ 1271601 w 1854227"/>
                <a:gd name="connsiteY5" fmla="*/ 3490402 h 3688267"/>
                <a:gd name="connsiteX6" fmla="*/ 928701 w 1854227"/>
                <a:gd name="connsiteY6" fmla="*/ 3461827 h 3688267"/>
                <a:gd name="connsiteX7" fmla="*/ 942989 w 1854227"/>
                <a:gd name="connsiteY7" fmla="*/ 2233102 h 3688267"/>
                <a:gd name="connsiteX8" fmla="*/ 914413 w 1854227"/>
                <a:gd name="connsiteY8" fmla="*/ 3533265 h 3688267"/>
                <a:gd name="connsiteX9" fmla="*/ 585801 w 1854227"/>
                <a:gd name="connsiteY9" fmla="*/ 3433252 h 3688267"/>
                <a:gd name="connsiteX10" fmla="*/ 600088 w 1854227"/>
                <a:gd name="connsiteY10" fmla="*/ 1204402 h 3688267"/>
                <a:gd name="connsiteX11" fmla="*/ 294768 w 1854227"/>
                <a:gd name="connsiteY11" fmla="*/ 647606 h 3688267"/>
                <a:gd name="connsiteX12" fmla="*/ 13 w 1854227"/>
                <a:gd name="connsiteY12" fmla="*/ 132840 h 3688267"/>
                <a:gd name="connsiteX13" fmla="*/ 285763 w 1854227"/>
                <a:gd name="connsiteY13" fmla="*/ 61402 h 3688267"/>
                <a:gd name="connsiteX14" fmla="*/ 747552 w 1854227"/>
                <a:gd name="connsiteY14" fmla="*/ 860447 h 3688267"/>
                <a:gd name="connsiteX0" fmla="*/ 756905 w 1868169"/>
                <a:gd name="connsiteY0" fmla="*/ 861112 h 3702164"/>
                <a:gd name="connsiteX1" fmla="*/ 1199818 w 1868169"/>
                <a:gd name="connsiteY1" fmla="*/ 889686 h 3702164"/>
                <a:gd name="connsiteX2" fmla="*/ 1642730 w 1868169"/>
                <a:gd name="connsiteY2" fmla="*/ 146737 h 3702164"/>
                <a:gd name="connsiteX3" fmla="*/ 1857043 w 1868169"/>
                <a:gd name="connsiteY3" fmla="*/ 275324 h 3702164"/>
                <a:gd name="connsiteX4" fmla="*/ 1314118 w 1868169"/>
                <a:gd name="connsiteY4" fmla="*/ 1161149 h 3702164"/>
                <a:gd name="connsiteX5" fmla="*/ 1285543 w 1868169"/>
                <a:gd name="connsiteY5" fmla="*/ 3504299 h 3702164"/>
                <a:gd name="connsiteX6" fmla="*/ 942643 w 1868169"/>
                <a:gd name="connsiteY6" fmla="*/ 3475724 h 3702164"/>
                <a:gd name="connsiteX7" fmla="*/ 956931 w 1868169"/>
                <a:gd name="connsiteY7" fmla="*/ 2246999 h 3702164"/>
                <a:gd name="connsiteX8" fmla="*/ 928355 w 1868169"/>
                <a:gd name="connsiteY8" fmla="*/ 3547162 h 3702164"/>
                <a:gd name="connsiteX9" fmla="*/ 599743 w 1868169"/>
                <a:gd name="connsiteY9" fmla="*/ 3447149 h 3702164"/>
                <a:gd name="connsiteX10" fmla="*/ 614030 w 1868169"/>
                <a:gd name="connsiteY10" fmla="*/ 1218299 h 3702164"/>
                <a:gd name="connsiteX11" fmla="*/ 103844 w 1868169"/>
                <a:gd name="connsiteY11" fmla="*/ 988998 h 3702164"/>
                <a:gd name="connsiteX12" fmla="*/ 13955 w 1868169"/>
                <a:gd name="connsiteY12" fmla="*/ 146737 h 3702164"/>
                <a:gd name="connsiteX13" fmla="*/ 299705 w 1868169"/>
                <a:gd name="connsiteY13" fmla="*/ 75299 h 3702164"/>
                <a:gd name="connsiteX14" fmla="*/ 761494 w 1868169"/>
                <a:gd name="connsiteY14" fmla="*/ 874344 h 3702164"/>
                <a:gd name="connsiteX0" fmla="*/ 756905 w 1868169"/>
                <a:gd name="connsiteY0" fmla="*/ 764121 h 3605173"/>
                <a:gd name="connsiteX1" fmla="*/ 1199818 w 1868169"/>
                <a:gd name="connsiteY1" fmla="*/ 792695 h 3605173"/>
                <a:gd name="connsiteX2" fmla="*/ 1642730 w 1868169"/>
                <a:gd name="connsiteY2" fmla="*/ 49746 h 3605173"/>
                <a:gd name="connsiteX3" fmla="*/ 1857043 w 1868169"/>
                <a:gd name="connsiteY3" fmla="*/ 178333 h 3605173"/>
                <a:gd name="connsiteX4" fmla="*/ 1314118 w 1868169"/>
                <a:gd name="connsiteY4" fmla="*/ 1064158 h 3605173"/>
                <a:gd name="connsiteX5" fmla="*/ 1285543 w 1868169"/>
                <a:gd name="connsiteY5" fmla="*/ 3407308 h 3605173"/>
                <a:gd name="connsiteX6" fmla="*/ 942643 w 1868169"/>
                <a:gd name="connsiteY6" fmla="*/ 3378733 h 3605173"/>
                <a:gd name="connsiteX7" fmla="*/ 956931 w 1868169"/>
                <a:gd name="connsiteY7" fmla="*/ 2150008 h 3605173"/>
                <a:gd name="connsiteX8" fmla="*/ 928355 w 1868169"/>
                <a:gd name="connsiteY8" fmla="*/ 3450171 h 3605173"/>
                <a:gd name="connsiteX9" fmla="*/ 599743 w 1868169"/>
                <a:gd name="connsiteY9" fmla="*/ 3350158 h 3605173"/>
                <a:gd name="connsiteX10" fmla="*/ 614030 w 1868169"/>
                <a:gd name="connsiteY10" fmla="*/ 1121308 h 3605173"/>
                <a:gd name="connsiteX11" fmla="*/ 103844 w 1868169"/>
                <a:gd name="connsiteY11" fmla="*/ 892007 h 3605173"/>
                <a:gd name="connsiteX12" fmla="*/ 13955 w 1868169"/>
                <a:gd name="connsiteY12" fmla="*/ 49746 h 3605173"/>
                <a:gd name="connsiteX13" fmla="*/ 299705 w 1868169"/>
                <a:gd name="connsiteY13" fmla="*/ 514209 h 3605173"/>
                <a:gd name="connsiteX14" fmla="*/ 761494 w 1868169"/>
                <a:gd name="connsiteY14" fmla="*/ 777353 h 3605173"/>
                <a:gd name="connsiteX0" fmla="*/ 755051 w 1866315"/>
                <a:gd name="connsiteY0" fmla="*/ 764121 h 3605173"/>
                <a:gd name="connsiteX1" fmla="*/ 1197964 w 1866315"/>
                <a:gd name="connsiteY1" fmla="*/ 792695 h 3605173"/>
                <a:gd name="connsiteX2" fmla="*/ 1640876 w 1866315"/>
                <a:gd name="connsiteY2" fmla="*/ 49746 h 3605173"/>
                <a:gd name="connsiteX3" fmla="*/ 1855189 w 1866315"/>
                <a:gd name="connsiteY3" fmla="*/ 178333 h 3605173"/>
                <a:gd name="connsiteX4" fmla="*/ 1312264 w 1866315"/>
                <a:gd name="connsiteY4" fmla="*/ 1064158 h 3605173"/>
                <a:gd name="connsiteX5" fmla="*/ 1283689 w 1866315"/>
                <a:gd name="connsiteY5" fmla="*/ 3407308 h 3605173"/>
                <a:gd name="connsiteX6" fmla="*/ 940789 w 1866315"/>
                <a:gd name="connsiteY6" fmla="*/ 3378733 h 3605173"/>
                <a:gd name="connsiteX7" fmla="*/ 955077 w 1866315"/>
                <a:gd name="connsiteY7" fmla="*/ 2150008 h 3605173"/>
                <a:gd name="connsiteX8" fmla="*/ 926501 w 1866315"/>
                <a:gd name="connsiteY8" fmla="*/ 3450171 h 3605173"/>
                <a:gd name="connsiteX9" fmla="*/ 597889 w 1866315"/>
                <a:gd name="connsiteY9" fmla="*/ 3350158 h 3605173"/>
                <a:gd name="connsiteX10" fmla="*/ 612176 w 1866315"/>
                <a:gd name="connsiteY10" fmla="*/ 1121308 h 3605173"/>
                <a:gd name="connsiteX11" fmla="*/ 101990 w 1866315"/>
                <a:gd name="connsiteY11" fmla="*/ 892007 h 3605173"/>
                <a:gd name="connsiteX12" fmla="*/ 12101 w 1866315"/>
                <a:gd name="connsiteY12" fmla="*/ 49746 h 3605173"/>
                <a:gd name="connsiteX13" fmla="*/ 272242 w 1866315"/>
                <a:gd name="connsiteY13" fmla="*/ 633297 h 3605173"/>
                <a:gd name="connsiteX14" fmla="*/ 759640 w 1866315"/>
                <a:gd name="connsiteY14" fmla="*/ 777353 h 3605173"/>
                <a:gd name="connsiteX0" fmla="*/ 746589 w 1857853"/>
                <a:gd name="connsiteY0" fmla="*/ 764121 h 3605173"/>
                <a:gd name="connsiteX1" fmla="*/ 1189502 w 1857853"/>
                <a:gd name="connsiteY1" fmla="*/ 792695 h 3605173"/>
                <a:gd name="connsiteX2" fmla="*/ 1632414 w 1857853"/>
                <a:gd name="connsiteY2" fmla="*/ 49746 h 3605173"/>
                <a:gd name="connsiteX3" fmla="*/ 1846727 w 1857853"/>
                <a:gd name="connsiteY3" fmla="*/ 178333 h 3605173"/>
                <a:gd name="connsiteX4" fmla="*/ 1303802 w 1857853"/>
                <a:gd name="connsiteY4" fmla="*/ 1064158 h 3605173"/>
                <a:gd name="connsiteX5" fmla="*/ 1275227 w 1857853"/>
                <a:gd name="connsiteY5" fmla="*/ 3407308 h 3605173"/>
                <a:gd name="connsiteX6" fmla="*/ 932327 w 1857853"/>
                <a:gd name="connsiteY6" fmla="*/ 3378733 h 3605173"/>
                <a:gd name="connsiteX7" fmla="*/ 946615 w 1857853"/>
                <a:gd name="connsiteY7" fmla="*/ 2150008 h 3605173"/>
                <a:gd name="connsiteX8" fmla="*/ 918039 w 1857853"/>
                <a:gd name="connsiteY8" fmla="*/ 3450171 h 3605173"/>
                <a:gd name="connsiteX9" fmla="*/ 589427 w 1857853"/>
                <a:gd name="connsiteY9" fmla="*/ 3350158 h 3605173"/>
                <a:gd name="connsiteX10" fmla="*/ 603714 w 1857853"/>
                <a:gd name="connsiteY10" fmla="*/ 1121308 h 3605173"/>
                <a:gd name="connsiteX11" fmla="*/ 93528 w 1857853"/>
                <a:gd name="connsiteY11" fmla="*/ 892007 h 3605173"/>
                <a:gd name="connsiteX12" fmla="*/ 3639 w 1857853"/>
                <a:gd name="connsiteY12" fmla="*/ 49746 h 3605173"/>
                <a:gd name="connsiteX13" fmla="*/ 144746 w 1857853"/>
                <a:gd name="connsiteY13" fmla="*/ 296563 h 3605173"/>
                <a:gd name="connsiteX14" fmla="*/ 263780 w 1857853"/>
                <a:gd name="connsiteY14" fmla="*/ 633297 h 3605173"/>
                <a:gd name="connsiteX15" fmla="*/ 751178 w 1857853"/>
                <a:gd name="connsiteY15" fmla="*/ 777353 h 3605173"/>
                <a:gd name="connsiteX0" fmla="*/ 765034 w 1876298"/>
                <a:gd name="connsiteY0" fmla="*/ 764121 h 3605173"/>
                <a:gd name="connsiteX1" fmla="*/ 1207947 w 1876298"/>
                <a:gd name="connsiteY1" fmla="*/ 792695 h 3605173"/>
                <a:gd name="connsiteX2" fmla="*/ 1650859 w 1876298"/>
                <a:gd name="connsiteY2" fmla="*/ 49746 h 3605173"/>
                <a:gd name="connsiteX3" fmla="*/ 1865172 w 1876298"/>
                <a:gd name="connsiteY3" fmla="*/ 178333 h 3605173"/>
                <a:gd name="connsiteX4" fmla="*/ 1322247 w 1876298"/>
                <a:gd name="connsiteY4" fmla="*/ 1064158 h 3605173"/>
                <a:gd name="connsiteX5" fmla="*/ 1293672 w 1876298"/>
                <a:gd name="connsiteY5" fmla="*/ 3407308 h 3605173"/>
                <a:gd name="connsiteX6" fmla="*/ 950772 w 1876298"/>
                <a:gd name="connsiteY6" fmla="*/ 3378733 h 3605173"/>
                <a:gd name="connsiteX7" fmla="*/ 965060 w 1876298"/>
                <a:gd name="connsiteY7" fmla="*/ 2150008 h 3605173"/>
                <a:gd name="connsiteX8" fmla="*/ 936484 w 1876298"/>
                <a:gd name="connsiteY8" fmla="*/ 3450171 h 3605173"/>
                <a:gd name="connsiteX9" fmla="*/ 607872 w 1876298"/>
                <a:gd name="connsiteY9" fmla="*/ 3350158 h 3605173"/>
                <a:gd name="connsiteX10" fmla="*/ 622159 w 1876298"/>
                <a:gd name="connsiteY10" fmla="*/ 1121308 h 3605173"/>
                <a:gd name="connsiteX11" fmla="*/ 111973 w 1876298"/>
                <a:gd name="connsiteY11" fmla="*/ 892007 h 3605173"/>
                <a:gd name="connsiteX12" fmla="*/ 22084 w 1876298"/>
                <a:gd name="connsiteY12" fmla="*/ 49746 h 3605173"/>
                <a:gd name="connsiteX13" fmla="*/ 419271 w 1876298"/>
                <a:gd name="connsiteY13" fmla="*/ 266790 h 3605173"/>
                <a:gd name="connsiteX14" fmla="*/ 282225 w 1876298"/>
                <a:gd name="connsiteY14" fmla="*/ 633297 h 3605173"/>
                <a:gd name="connsiteX15" fmla="*/ 769623 w 1876298"/>
                <a:gd name="connsiteY15" fmla="*/ 777353 h 3605173"/>
                <a:gd name="connsiteX0" fmla="*/ 706622 w 1817886"/>
                <a:gd name="connsiteY0" fmla="*/ 764121 h 3605173"/>
                <a:gd name="connsiteX1" fmla="*/ 1149535 w 1817886"/>
                <a:gd name="connsiteY1" fmla="*/ 792695 h 3605173"/>
                <a:gd name="connsiteX2" fmla="*/ 1592447 w 1817886"/>
                <a:gd name="connsiteY2" fmla="*/ 49746 h 3605173"/>
                <a:gd name="connsiteX3" fmla="*/ 1806760 w 1817886"/>
                <a:gd name="connsiteY3" fmla="*/ 178333 h 3605173"/>
                <a:gd name="connsiteX4" fmla="*/ 1263835 w 1817886"/>
                <a:gd name="connsiteY4" fmla="*/ 1064158 h 3605173"/>
                <a:gd name="connsiteX5" fmla="*/ 1235260 w 1817886"/>
                <a:gd name="connsiteY5" fmla="*/ 3407308 h 3605173"/>
                <a:gd name="connsiteX6" fmla="*/ 892360 w 1817886"/>
                <a:gd name="connsiteY6" fmla="*/ 3378733 h 3605173"/>
                <a:gd name="connsiteX7" fmla="*/ 906648 w 1817886"/>
                <a:gd name="connsiteY7" fmla="*/ 2150008 h 3605173"/>
                <a:gd name="connsiteX8" fmla="*/ 878072 w 1817886"/>
                <a:gd name="connsiteY8" fmla="*/ 3450171 h 3605173"/>
                <a:gd name="connsiteX9" fmla="*/ 549460 w 1817886"/>
                <a:gd name="connsiteY9" fmla="*/ 3350158 h 3605173"/>
                <a:gd name="connsiteX10" fmla="*/ 563747 w 1817886"/>
                <a:gd name="connsiteY10" fmla="*/ 1121308 h 3605173"/>
                <a:gd name="connsiteX11" fmla="*/ 53561 w 1817886"/>
                <a:gd name="connsiteY11" fmla="*/ 892007 h 3605173"/>
                <a:gd name="connsiteX12" fmla="*/ 66104 w 1817886"/>
                <a:gd name="connsiteY12" fmla="*/ 258151 h 3605173"/>
                <a:gd name="connsiteX13" fmla="*/ 360859 w 1817886"/>
                <a:gd name="connsiteY13" fmla="*/ 266790 h 3605173"/>
                <a:gd name="connsiteX14" fmla="*/ 223813 w 1817886"/>
                <a:gd name="connsiteY14" fmla="*/ 633297 h 3605173"/>
                <a:gd name="connsiteX15" fmla="*/ 711211 w 1817886"/>
                <a:gd name="connsiteY15" fmla="*/ 777353 h 3605173"/>
                <a:gd name="connsiteX0" fmla="*/ 706622 w 1817886"/>
                <a:gd name="connsiteY0" fmla="*/ 764121 h 3605173"/>
                <a:gd name="connsiteX1" fmla="*/ 1149535 w 1817886"/>
                <a:gd name="connsiteY1" fmla="*/ 792695 h 3605173"/>
                <a:gd name="connsiteX2" fmla="*/ 1592447 w 1817886"/>
                <a:gd name="connsiteY2" fmla="*/ 49746 h 3605173"/>
                <a:gd name="connsiteX3" fmla="*/ 1806760 w 1817886"/>
                <a:gd name="connsiteY3" fmla="*/ 178333 h 3605173"/>
                <a:gd name="connsiteX4" fmla="*/ 1263835 w 1817886"/>
                <a:gd name="connsiteY4" fmla="*/ 1064158 h 3605173"/>
                <a:gd name="connsiteX5" fmla="*/ 1235260 w 1817886"/>
                <a:gd name="connsiteY5" fmla="*/ 3407308 h 3605173"/>
                <a:gd name="connsiteX6" fmla="*/ 892360 w 1817886"/>
                <a:gd name="connsiteY6" fmla="*/ 3378733 h 3605173"/>
                <a:gd name="connsiteX7" fmla="*/ 906648 w 1817886"/>
                <a:gd name="connsiteY7" fmla="*/ 2150008 h 3605173"/>
                <a:gd name="connsiteX8" fmla="*/ 878072 w 1817886"/>
                <a:gd name="connsiteY8" fmla="*/ 3450171 h 3605173"/>
                <a:gd name="connsiteX9" fmla="*/ 549460 w 1817886"/>
                <a:gd name="connsiteY9" fmla="*/ 3350158 h 3605173"/>
                <a:gd name="connsiteX10" fmla="*/ 563747 w 1817886"/>
                <a:gd name="connsiteY10" fmla="*/ 1121308 h 3605173"/>
                <a:gd name="connsiteX11" fmla="*/ 53561 w 1817886"/>
                <a:gd name="connsiteY11" fmla="*/ 892007 h 3605173"/>
                <a:gd name="connsiteX12" fmla="*/ 66104 w 1817886"/>
                <a:gd name="connsiteY12" fmla="*/ 258151 h 3605173"/>
                <a:gd name="connsiteX13" fmla="*/ 360859 w 1817886"/>
                <a:gd name="connsiteY13" fmla="*/ 266790 h 3605173"/>
                <a:gd name="connsiteX14" fmla="*/ 403068 w 1817886"/>
                <a:gd name="connsiteY14" fmla="*/ 573753 h 3605173"/>
                <a:gd name="connsiteX15" fmla="*/ 711211 w 1817886"/>
                <a:gd name="connsiteY15" fmla="*/ 777353 h 3605173"/>
                <a:gd name="connsiteX0" fmla="*/ 649584 w 1760848"/>
                <a:gd name="connsiteY0" fmla="*/ 764121 h 3605173"/>
                <a:gd name="connsiteX1" fmla="*/ 1092497 w 1760848"/>
                <a:gd name="connsiteY1" fmla="*/ 792695 h 3605173"/>
                <a:gd name="connsiteX2" fmla="*/ 1535409 w 1760848"/>
                <a:gd name="connsiteY2" fmla="*/ 49746 h 3605173"/>
                <a:gd name="connsiteX3" fmla="*/ 1749722 w 1760848"/>
                <a:gd name="connsiteY3" fmla="*/ 178333 h 3605173"/>
                <a:gd name="connsiteX4" fmla="*/ 1206797 w 1760848"/>
                <a:gd name="connsiteY4" fmla="*/ 1064158 h 3605173"/>
                <a:gd name="connsiteX5" fmla="*/ 1178222 w 1760848"/>
                <a:gd name="connsiteY5" fmla="*/ 3407308 h 3605173"/>
                <a:gd name="connsiteX6" fmla="*/ 835322 w 1760848"/>
                <a:gd name="connsiteY6" fmla="*/ 3378733 h 3605173"/>
                <a:gd name="connsiteX7" fmla="*/ 849610 w 1760848"/>
                <a:gd name="connsiteY7" fmla="*/ 2150008 h 3605173"/>
                <a:gd name="connsiteX8" fmla="*/ 821034 w 1760848"/>
                <a:gd name="connsiteY8" fmla="*/ 3450171 h 3605173"/>
                <a:gd name="connsiteX9" fmla="*/ 492422 w 1760848"/>
                <a:gd name="connsiteY9" fmla="*/ 3350158 h 3605173"/>
                <a:gd name="connsiteX10" fmla="*/ 506709 w 1760848"/>
                <a:gd name="connsiteY10" fmla="*/ 1121308 h 3605173"/>
                <a:gd name="connsiteX11" fmla="*/ 124564 w 1760848"/>
                <a:gd name="connsiteY11" fmla="*/ 802692 h 3605173"/>
                <a:gd name="connsiteX12" fmla="*/ 9066 w 1760848"/>
                <a:gd name="connsiteY12" fmla="*/ 258151 h 3605173"/>
                <a:gd name="connsiteX13" fmla="*/ 303821 w 1760848"/>
                <a:gd name="connsiteY13" fmla="*/ 266790 h 3605173"/>
                <a:gd name="connsiteX14" fmla="*/ 346030 w 1760848"/>
                <a:gd name="connsiteY14" fmla="*/ 573753 h 3605173"/>
                <a:gd name="connsiteX15" fmla="*/ 654173 w 1760848"/>
                <a:gd name="connsiteY15" fmla="*/ 777353 h 3605173"/>
                <a:gd name="connsiteX0" fmla="*/ 661748 w 1773012"/>
                <a:gd name="connsiteY0" fmla="*/ 764121 h 3605173"/>
                <a:gd name="connsiteX1" fmla="*/ 1104661 w 1773012"/>
                <a:gd name="connsiteY1" fmla="*/ 792695 h 3605173"/>
                <a:gd name="connsiteX2" fmla="*/ 1547573 w 1773012"/>
                <a:gd name="connsiteY2" fmla="*/ 49746 h 3605173"/>
                <a:gd name="connsiteX3" fmla="*/ 1761886 w 1773012"/>
                <a:gd name="connsiteY3" fmla="*/ 178333 h 3605173"/>
                <a:gd name="connsiteX4" fmla="*/ 1218961 w 1773012"/>
                <a:gd name="connsiteY4" fmla="*/ 1064158 h 3605173"/>
                <a:gd name="connsiteX5" fmla="*/ 1190386 w 1773012"/>
                <a:gd name="connsiteY5" fmla="*/ 3407308 h 3605173"/>
                <a:gd name="connsiteX6" fmla="*/ 847486 w 1773012"/>
                <a:gd name="connsiteY6" fmla="*/ 3378733 h 3605173"/>
                <a:gd name="connsiteX7" fmla="*/ 861774 w 1773012"/>
                <a:gd name="connsiteY7" fmla="*/ 2150008 h 3605173"/>
                <a:gd name="connsiteX8" fmla="*/ 833198 w 1773012"/>
                <a:gd name="connsiteY8" fmla="*/ 3450171 h 3605173"/>
                <a:gd name="connsiteX9" fmla="*/ 504586 w 1773012"/>
                <a:gd name="connsiteY9" fmla="*/ 3350158 h 3605173"/>
                <a:gd name="connsiteX10" fmla="*/ 518873 w 1773012"/>
                <a:gd name="connsiteY10" fmla="*/ 1121308 h 3605173"/>
                <a:gd name="connsiteX11" fmla="*/ 136728 w 1773012"/>
                <a:gd name="connsiteY11" fmla="*/ 802692 h 3605173"/>
                <a:gd name="connsiteX12" fmla="*/ 21230 w 1773012"/>
                <a:gd name="connsiteY12" fmla="*/ 258151 h 3605173"/>
                <a:gd name="connsiteX13" fmla="*/ 495242 w 1773012"/>
                <a:gd name="connsiteY13" fmla="*/ 415651 h 3605173"/>
                <a:gd name="connsiteX14" fmla="*/ 358194 w 1773012"/>
                <a:gd name="connsiteY14" fmla="*/ 573753 h 3605173"/>
                <a:gd name="connsiteX15" fmla="*/ 666337 w 1773012"/>
                <a:gd name="connsiteY15" fmla="*/ 777353 h 3605173"/>
                <a:gd name="connsiteX0" fmla="*/ 542463 w 1653727"/>
                <a:gd name="connsiteY0" fmla="*/ 764121 h 3605173"/>
                <a:gd name="connsiteX1" fmla="*/ 985376 w 1653727"/>
                <a:gd name="connsiteY1" fmla="*/ 792695 h 3605173"/>
                <a:gd name="connsiteX2" fmla="*/ 1428288 w 1653727"/>
                <a:gd name="connsiteY2" fmla="*/ 49746 h 3605173"/>
                <a:gd name="connsiteX3" fmla="*/ 1642601 w 1653727"/>
                <a:gd name="connsiteY3" fmla="*/ 178333 h 3605173"/>
                <a:gd name="connsiteX4" fmla="*/ 1099676 w 1653727"/>
                <a:gd name="connsiteY4" fmla="*/ 1064158 h 3605173"/>
                <a:gd name="connsiteX5" fmla="*/ 1071101 w 1653727"/>
                <a:gd name="connsiteY5" fmla="*/ 3407308 h 3605173"/>
                <a:gd name="connsiteX6" fmla="*/ 728201 w 1653727"/>
                <a:gd name="connsiteY6" fmla="*/ 3378733 h 3605173"/>
                <a:gd name="connsiteX7" fmla="*/ 742489 w 1653727"/>
                <a:gd name="connsiteY7" fmla="*/ 2150008 h 3605173"/>
                <a:gd name="connsiteX8" fmla="*/ 713913 w 1653727"/>
                <a:gd name="connsiteY8" fmla="*/ 3450171 h 3605173"/>
                <a:gd name="connsiteX9" fmla="*/ 385301 w 1653727"/>
                <a:gd name="connsiteY9" fmla="*/ 3350158 h 3605173"/>
                <a:gd name="connsiteX10" fmla="*/ 399588 w 1653727"/>
                <a:gd name="connsiteY10" fmla="*/ 1121308 h 3605173"/>
                <a:gd name="connsiteX11" fmla="*/ 17443 w 1653727"/>
                <a:gd name="connsiteY11" fmla="*/ 802692 h 3605173"/>
                <a:gd name="connsiteX12" fmla="*/ 337284 w 1653727"/>
                <a:gd name="connsiteY12" fmla="*/ 49745 h 3605173"/>
                <a:gd name="connsiteX13" fmla="*/ 375957 w 1653727"/>
                <a:gd name="connsiteY13" fmla="*/ 415651 h 3605173"/>
                <a:gd name="connsiteX14" fmla="*/ 238909 w 1653727"/>
                <a:gd name="connsiteY14" fmla="*/ 573753 h 3605173"/>
                <a:gd name="connsiteX15" fmla="*/ 547052 w 1653727"/>
                <a:gd name="connsiteY15" fmla="*/ 777353 h 3605173"/>
                <a:gd name="connsiteX0" fmla="*/ 541491 w 1652755"/>
                <a:gd name="connsiteY0" fmla="*/ 869153 h 3710205"/>
                <a:gd name="connsiteX1" fmla="*/ 984404 w 1652755"/>
                <a:gd name="connsiteY1" fmla="*/ 897727 h 3710205"/>
                <a:gd name="connsiteX2" fmla="*/ 1427316 w 1652755"/>
                <a:gd name="connsiteY2" fmla="*/ 154778 h 3710205"/>
                <a:gd name="connsiteX3" fmla="*/ 1641629 w 1652755"/>
                <a:gd name="connsiteY3" fmla="*/ 283365 h 3710205"/>
                <a:gd name="connsiteX4" fmla="*/ 1098704 w 1652755"/>
                <a:gd name="connsiteY4" fmla="*/ 1169190 h 3710205"/>
                <a:gd name="connsiteX5" fmla="*/ 1070129 w 1652755"/>
                <a:gd name="connsiteY5" fmla="*/ 3512340 h 3710205"/>
                <a:gd name="connsiteX6" fmla="*/ 727229 w 1652755"/>
                <a:gd name="connsiteY6" fmla="*/ 3483765 h 3710205"/>
                <a:gd name="connsiteX7" fmla="*/ 741517 w 1652755"/>
                <a:gd name="connsiteY7" fmla="*/ 2255040 h 3710205"/>
                <a:gd name="connsiteX8" fmla="*/ 712941 w 1652755"/>
                <a:gd name="connsiteY8" fmla="*/ 3555203 h 3710205"/>
                <a:gd name="connsiteX9" fmla="*/ 384329 w 1652755"/>
                <a:gd name="connsiteY9" fmla="*/ 3455190 h 3710205"/>
                <a:gd name="connsiteX10" fmla="*/ 398616 w 1652755"/>
                <a:gd name="connsiteY10" fmla="*/ 1226340 h 3710205"/>
                <a:gd name="connsiteX11" fmla="*/ 16471 w 1652755"/>
                <a:gd name="connsiteY11" fmla="*/ 907724 h 3710205"/>
                <a:gd name="connsiteX12" fmla="*/ 361921 w 1652755"/>
                <a:gd name="connsiteY12" fmla="*/ 5916 h 3710205"/>
                <a:gd name="connsiteX13" fmla="*/ 374985 w 1652755"/>
                <a:gd name="connsiteY13" fmla="*/ 520683 h 3710205"/>
                <a:gd name="connsiteX14" fmla="*/ 237937 w 1652755"/>
                <a:gd name="connsiteY14" fmla="*/ 678785 h 3710205"/>
                <a:gd name="connsiteX15" fmla="*/ 546080 w 1652755"/>
                <a:gd name="connsiteY15" fmla="*/ 882385 h 3710205"/>
                <a:gd name="connsiteX0" fmla="*/ 534966 w 1646230"/>
                <a:gd name="connsiteY0" fmla="*/ 881599 h 3722651"/>
                <a:gd name="connsiteX1" fmla="*/ 977879 w 1646230"/>
                <a:gd name="connsiteY1" fmla="*/ 910173 h 3722651"/>
                <a:gd name="connsiteX2" fmla="*/ 1420791 w 1646230"/>
                <a:gd name="connsiteY2" fmla="*/ 167224 h 3722651"/>
                <a:gd name="connsiteX3" fmla="*/ 1635104 w 1646230"/>
                <a:gd name="connsiteY3" fmla="*/ 295811 h 3722651"/>
                <a:gd name="connsiteX4" fmla="*/ 1092179 w 1646230"/>
                <a:gd name="connsiteY4" fmla="*/ 1181636 h 3722651"/>
                <a:gd name="connsiteX5" fmla="*/ 1063604 w 1646230"/>
                <a:gd name="connsiteY5" fmla="*/ 3524786 h 3722651"/>
                <a:gd name="connsiteX6" fmla="*/ 720704 w 1646230"/>
                <a:gd name="connsiteY6" fmla="*/ 3496211 h 3722651"/>
                <a:gd name="connsiteX7" fmla="*/ 734992 w 1646230"/>
                <a:gd name="connsiteY7" fmla="*/ 2267486 h 3722651"/>
                <a:gd name="connsiteX8" fmla="*/ 706416 w 1646230"/>
                <a:gd name="connsiteY8" fmla="*/ 3567649 h 3722651"/>
                <a:gd name="connsiteX9" fmla="*/ 377804 w 1646230"/>
                <a:gd name="connsiteY9" fmla="*/ 3467636 h 3722651"/>
                <a:gd name="connsiteX10" fmla="*/ 392091 w 1646230"/>
                <a:gd name="connsiteY10" fmla="*/ 1238786 h 3722651"/>
                <a:gd name="connsiteX11" fmla="*/ 9946 w 1646230"/>
                <a:gd name="connsiteY11" fmla="*/ 920170 h 3722651"/>
                <a:gd name="connsiteX12" fmla="*/ 355396 w 1646230"/>
                <a:gd name="connsiteY12" fmla="*/ 18362 h 3722651"/>
                <a:gd name="connsiteX13" fmla="*/ 368460 w 1646230"/>
                <a:gd name="connsiteY13" fmla="*/ 533129 h 3722651"/>
                <a:gd name="connsiteX14" fmla="*/ 231412 w 1646230"/>
                <a:gd name="connsiteY14" fmla="*/ 691231 h 3722651"/>
                <a:gd name="connsiteX15" fmla="*/ 539555 w 1646230"/>
                <a:gd name="connsiteY15" fmla="*/ 894831 h 3722651"/>
                <a:gd name="connsiteX0" fmla="*/ 542417 w 1653681"/>
                <a:gd name="connsiteY0" fmla="*/ 873880 h 3714932"/>
                <a:gd name="connsiteX1" fmla="*/ 985330 w 1653681"/>
                <a:gd name="connsiteY1" fmla="*/ 902454 h 3714932"/>
                <a:gd name="connsiteX2" fmla="*/ 1428242 w 1653681"/>
                <a:gd name="connsiteY2" fmla="*/ 159505 h 3714932"/>
                <a:gd name="connsiteX3" fmla="*/ 1642555 w 1653681"/>
                <a:gd name="connsiteY3" fmla="*/ 288092 h 3714932"/>
                <a:gd name="connsiteX4" fmla="*/ 1099630 w 1653681"/>
                <a:gd name="connsiteY4" fmla="*/ 1173917 h 3714932"/>
                <a:gd name="connsiteX5" fmla="*/ 1071055 w 1653681"/>
                <a:gd name="connsiteY5" fmla="*/ 3517067 h 3714932"/>
                <a:gd name="connsiteX6" fmla="*/ 728155 w 1653681"/>
                <a:gd name="connsiteY6" fmla="*/ 3488492 h 3714932"/>
                <a:gd name="connsiteX7" fmla="*/ 742443 w 1653681"/>
                <a:gd name="connsiteY7" fmla="*/ 2259767 h 3714932"/>
                <a:gd name="connsiteX8" fmla="*/ 713867 w 1653681"/>
                <a:gd name="connsiteY8" fmla="*/ 3559930 h 3714932"/>
                <a:gd name="connsiteX9" fmla="*/ 385255 w 1653681"/>
                <a:gd name="connsiteY9" fmla="*/ 3459917 h 3714932"/>
                <a:gd name="connsiteX10" fmla="*/ 399542 w 1653681"/>
                <a:gd name="connsiteY10" fmla="*/ 1231067 h 3714932"/>
                <a:gd name="connsiteX11" fmla="*/ 17397 w 1653681"/>
                <a:gd name="connsiteY11" fmla="*/ 912451 h 3714932"/>
                <a:gd name="connsiteX12" fmla="*/ 362847 w 1653681"/>
                <a:gd name="connsiteY12" fmla="*/ 10643 h 3714932"/>
                <a:gd name="connsiteX13" fmla="*/ 375911 w 1653681"/>
                <a:gd name="connsiteY13" fmla="*/ 525410 h 3714932"/>
                <a:gd name="connsiteX14" fmla="*/ 238863 w 1653681"/>
                <a:gd name="connsiteY14" fmla="*/ 683512 h 3714932"/>
                <a:gd name="connsiteX15" fmla="*/ 547006 w 1653681"/>
                <a:gd name="connsiteY15" fmla="*/ 887112 h 3714932"/>
                <a:gd name="connsiteX0" fmla="*/ 540739 w 1652003"/>
                <a:gd name="connsiteY0" fmla="*/ 865082 h 3706134"/>
                <a:gd name="connsiteX1" fmla="*/ 983652 w 1652003"/>
                <a:gd name="connsiteY1" fmla="*/ 893656 h 3706134"/>
                <a:gd name="connsiteX2" fmla="*/ 1426564 w 1652003"/>
                <a:gd name="connsiteY2" fmla="*/ 150707 h 3706134"/>
                <a:gd name="connsiteX3" fmla="*/ 1640877 w 1652003"/>
                <a:gd name="connsiteY3" fmla="*/ 279294 h 3706134"/>
                <a:gd name="connsiteX4" fmla="*/ 1097952 w 1652003"/>
                <a:gd name="connsiteY4" fmla="*/ 1165119 h 3706134"/>
                <a:gd name="connsiteX5" fmla="*/ 1069377 w 1652003"/>
                <a:gd name="connsiteY5" fmla="*/ 3508269 h 3706134"/>
                <a:gd name="connsiteX6" fmla="*/ 726477 w 1652003"/>
                <a:gd name="connsiteY6" fmla="*/ 3479694 h 3706134"/>
                <a:gd name="connsiteX7" fmla="*/ 740765 w 1652003"/>
                <a:gd name="connsiteY7" fmla="*/ 2250969 h 3706134"/>
                <a:gd name="connsiteX8" fmla="*/ 712189 w 1652003"/>
                <a:gd name="connsiteY8" fmla="*/ 3551132 h 3706134"/>
                <a:gd name="connsiteX9" fmla="*/ 383577 w 1652003"/>
                <a:gd name="connsiteY9" fmla="*/ 3451119 h 3706134"/>
                <a:gd name="connsiteX10" fmla="*/ 397864 w 1652003"/>
                <a:gd name="connsiteY10" fmla="*/ 1222269 h 3706134"/>
                <a:gd name="connsiteX11" fmla="*/ 15719 w 1652003"/>
                <a:gd name="connsiteY11" fmla="*/ 903653 h 3706134"/>
                <a:gd name="connsiteX12" fmla="*/ 361169 w 1652003"/>
                <a:gd name="connsiteY12" fmla="*/ 1845 h 3706134"/>
                <a:gd name="connsiteX13" fmla="*/ 237185 w 1652003"/>
                <a:gd name="connsiteY13" fmla="*/ 674714 h 3706134"/>
                <a:gd name="connsiteX14" fmla="*/ 545328 w 1652003"/>
                <a:gd name="connsiteY14" fmla="*/ 878314 h 3706134"/>
                <a:gd name="connsiteX0" fmla="*/ 546036 w 1657300"/>
                <a:gd name="connsiteY0" fmla="*/ 906610 h 3747662"/>
                <a:gd name="connsiteX1" fmla="*/ 988949 w 1657300"/>
                <a:gd name="connsiteY1" fmla="*/ 935184 h 3747662"/>
                <a:gd name="connsiteX2" fmla="*/ 1431861 w 1657300"/>
                <a:gd name="connsiteY2" fmla="*/ 192235 h 3747662"/>
                <a:gd name="connsiteX3" fmla="*/ 1646174 w 1657300"/>
                <a:gd name="connsiteY3" fmla="*/ 320822 h 3747662"/>
                <a:gd name="connsiteX4" fmla="*/ 1103249 w 1657300"/>
                <a:gd name="connsiteY4" fmla="*/ 1206647 h 3747662"/>
                <a:gd name="connsiteX5" fmla="*/ 1074674 w 1657300"/>
                <a:gd name="connsiteY5" fmla="*/ 3549797 h 3747662"/>
                <a:gd name="connsiteX6" fmla="*/ 731774 w 1657300"/>
                <a:gd name="connsiteY6" fmla="*/ 3521222 h 3747662"/>
                <a:gd name="connsiteX7" fmla="*/ 746062 w 1657300"/>
                <a:gd name="connsiteY7" fmla="*/ 2292497 h 3747662"/>
                <a:gd name="connsiteX8" fmla="*/ 717486 w 1657300"/>
                <a:gd name="connsiteY8" fmla="*/ 3592660 h 3747662"/>
                <a:gd name="connsiteX9" fmla="*/ 388874 w 1657300"/>
                <a:gd name="connsiteY9" fmla="*/ 3492647 h 3747662"/>
                <a:gd name="connsiteX10" fmla="*/ 403161 w 1657300"/>
                <a:gd name="connsiteY10" fmla="*/ 1263797 h 3747662"/>
                <a:gd name="connsiteX11" fmla="*/ 21016 w 1657300"/>
                <a:gd name="connsiteY11" fmla="*/ 945181 h 3747662"/>
                <a:gd name="connsiteX12" fmla="*/ 366466 w 1657300"/>
                <a:gd name="connsiteY12" fmla="*/ 43373 h 3747662"/>
                <a:gd name="connsiteX13" fmla="*/ 242482 w 1657300"/>
                <a:gd name="connsiteY13" fmla="*/ 716242 h 3747662"/>
                <a:gd name="connsiteX14" fmla="*/ 550625 w 1657300"/>
                <a:gd name="connsiteY14" fmla="*/ 919842 h 3747662"/>
                <a:gd name="connsiteX0" fmla="*/ 540739 w 1652003"/>
                <a:gd name="connsiteY0" fmla="*/ 884691 h 3725743"/>
                <a:gd name="connsiteX1" fmla="*/ 983652 w 1652003"/>
                <a:gd name="connsiteY1" fmla="*/ 913265 h 3725743"/>
                <a:gd name="connsiteX2" fmla="*/ 1426564 w 1652003"/>
                <a:gd name="connsiteY2" fmla="*/ 170316 h 3725743"/>
                <a:gd name="connsiteX3" fmla="*/ 1640877 w 1652003"/>
                <a:gd name="connsiteY3" fmla="*/ 298903 h 3725743"/>
                <a:gd name="connsiteX4" fmla="*/ 1097952 w 1652003"/>
                <a:gd name="connsiteY4" fmla="*/ 1184728 h 3725743"/>
                <a:gd name="connsiteX5" fmla="*/ 1069377 w 1652003"/>
                <a:gd name="connsiteY5" fmla="*/ 3527878 h 3725743"/>
                <a:gd name="connsiteX6" fmla="*/ 726477 w 1652003"/>
                <a:gd name="connsiteY6" fmla="*/ 3499303 h 3725743"/>
                <a:gd name="connsiteX7" fmla="*/ 740765 w 1652003"/>
                <a:gd name="connsiteY7" fmla="*/ 2270578 h 3725743"/>
                <a:gd name="connsiteX8" fmla="*/ 712189 w 1652003"/>
                <a:gd name="connsiteY8" fmla="*/ 3570741 h 3725743"/>
                <a:gd name="connsiteX9" fmla="*/ 383577 w 1652003"/>
                <a:gd name="connsiteY9" fmla="*/ 3470728 h 3725743"/>
                <a:gd name="connsiteX10" fmla="*/ 397864 w 1652003"/>
                <a:gd name="connsiteY10" fmla="*/ 1241878 h 3725743"/>
                <a:gd name="connsiteX11" fmla="*/ 15719 w 1652003"/>
                <a:gd name="connsiteY11" fmla="*/ 923262 h 3725743"/>
                <a:gd name="connsiteX12" fmla="*/ 361169 w 1652003"/>
                <a:gd name="connsiteY12" fmla="*/ 21454 h 3725743"/>
                <a:gd name="connsiteX13" fmla="*/ 237185 w 1652003"/>
                <a:gd name="connsiteY13" fmla="*/ 694323 h 3725743"/>
                <a:gd name="connsiteX14" fmla="*/ 545328 w 1652003"/>
                <a:gd name="connsiteY14" fmla="*/ 897923 h 3725743"/>
                <a:gd name="connsiteX0" fmla="*/ 539222 w 1650486"/>
                <a:gd name="connsiteY0" fmla="*/ 764122 h 3605174"/>
                <a:gd name="connsiteX1" fmla="*/ 982135 w 1650486"/>
                <a:gd name="connsiteY1" fmla="*/ 792696 h 3605174"/>
                <a:gd name="connsiteX2" fmla="*/ 1425047 w 1650486"/>
                <a:gd name="connsiteY2" fmla="*/ 49747 h 3605174"/>
                <a:gd name="connsiteX3" fmla="*/ 1639360 w 1650486"/>
                <a:gd name="connsiteY3" fmla="*/ 178334 h 3605174"/>
                <a:gd name="connsiteX4" fmla="*/ 1096435 w 1650486"/>
                <a:gd name="connsiteY4" fmla="*/ 1064159 h 3605174"/>
                <a:gd name="connsiteX5" fmla="*/ 1067860 w 1650486"/>
                <a:gd name="connsiteY5" fmla="*/ 3407309 h 3605174"/>
                <a:gd name="connsiteX6" fmla="*/ 724960 w 1650486"/>
                <a:gd name="connsiteY6" fmla="*/ 3378734 h 3605174"/>
                <a:gd name="connsiteX7" fmla="*/ 739248 w 1650486"/>
                <a:gd name="connsiteY7" fmla="*/ 2150009 h 3605174"/>
                <a:gd name="connsiteX8" fmla="*/ 710672 w 1650486"/>
                <a:gd name="connsiteY8" fmla="*/ 3450172 h 3605174"/>
                <a:gd name="connsiteX9" fmla="*/ 382060 w 1650486"/>
                <a:gd name="connsiteY9" fmla="*/ 3350159 h 3605174"/>
                <a:gd name="connsiteX10" fmla="*/ 396347 w 1650486"/>
                <a:gd name="connsiteY10" fmla="*/ 1121309 h 3605174"/>
                <a:gd name="connsiteX11" fmla="*/ 14202 w 1650486"/>
                <a:gd name="connsiteY11" fmla="*/ 802693 h 3605174"/>
                <a:gd name="connsiteX12" fmla="*/ 410867 w 1650486"/>
                <a:gd name="connsiteY12" fmla="*/ 168836 h 3605174"/>
                <a:gd name="connsiteX13" fmla="*/ 235668 w 1650486"/>
                <a:gd name="connsiteY13" fmla="*/ 573754 h 3605174"/>
                <a:gd name="connsiteX14" fmla="*/ 543811 w 1650486"/>
                <a:gd name="connsiteY14" fmla="*/ 777354 h 3605174"/>
                <a:gd name="connsiteX0" fmla="*/ 539220 w 1626151"/>
                <a:gd name="connsiteY0" fmla="*/ 734834 h 3575886"/>
                <a:gd name="connsiteX1" fmla="*/ 982133 w 1626151"/>
                <a:gd name="connsiteY1" fmla="*/ 763408 h 3575886"/>
                <a:gd name="connsiteX2" fmla="*/ 1425045 w 1626151"/>
                <a:gd name="connsiteY2" fmla="*/ 20459 h 3575886"/>
                <a:gd name="connsiteX3" fmla="*/ 1613750 w 1626151"/>
                <a:gd name="connsiteY3" fmla="*/ 1697201 h 3575886"/>
                <a:gd name="connsiteX4" fmla="*/ 1096433 w 1626151"/>
                <a:gd name="connsiteY4" fmla="*/ 1034871 h 3575886"/>
                <a:gd name="connsiteX5" fmla="*/ 1067858 w 1626151"/>
                <a:gd name="connsiteY5" fmla="*/ 3378021 h 3575886"/>
                <a:gd name="connsiteX6" fmla="*/ 724958 w 1626151"/>
                <a:gd name="connsiteY6" fmla="*/ 3349446 h 3575886"/>
                <a:gd name="connsiteX7" fmla="*/ 739246 w 1626151"/>
                <a:gd name="connsiteY7" fmla="*/ 2120721 h 3575886"/>
                <a:gd name="connsiteX8" fmla="*/ 710670 w 1626151"/>
                <a:gd name="connsiteY8" fmla="*/ 3420884 h 3575886"/>
                <a:gd name="connsiteX9" fmla="*/ 382058 w 1626151"/>
                <a:gd name="connsiteY9" fmla="*/ 3320871 h 3575886"/>
                <a:gd name="connsiteX10" fmla="*/ 396345 w 1626151"/>
                <a:gd name="connsiteY10" fmla="*/ 1092021 h 3575886"/>
                <a:gd name="connsiteX11" fmla="*/ 14200 w 1626151"/>
                <a:gd name="connsiteY11" fmla="*/ 773405 h 3575886"/>
                <a:gd name="connsiteX12" fmla="*/ 410865 w 1626151"/>
                <a:gd name="connsiteY12" fmla="*/ 139548 h 3575886"/>
                <a:gd name="connsiteX13" fmla="*/ 235666 w 1626151"/>
                <a:gd name="connsiteY13" fmla="*/ 544466 h 3575886"/>
                <a:gd name="connsiteX14" fmla="*/ 543809 w 1626151"/>
                <a:gd name="connsiteY14" fmla="*/ 748066 h 3575886"/>
                <a:gd name="connsiteX0" fmla="*/ 539220 w 1680243"/>
                <a:gd name="connsiteY0" fmla="*/ 624356 h 3465408"/>
                <a:gd name="connsiteX1" fmla="*/ 982133 w 1680243"/>
                <a:gd name="connsiteY1" fmla="*/ 652930 h 3465408"/>
                <a:gd name="connsiteX2" fmla="*/ 1604300 w 1680243"/>
                <a:gd name="connsiteY2" fmla="*/ 713831 h 3465408"/>
                <a:gd name="connsiteX3" fmla="*/ 1613750 w 1680243"/>
                <a:gd name="connsiteY3" fmla="*/ 1586723 h 3465408"/>
                <a:gd name="connsiteX4" fmla="*/ 1096433 w 1680243"/>
                <a:gd name="connsiteY4" fmla="*/ 924393 h 3465408"/>
                <a:gd name="connsiteX5" fmla="*/ 1067858 w 1680243"/>
                <a:gd name="connsiteY5" fmla="*/ 3267543 h 3465408"/>
                <a:gd name="connsiteX6" fmla="*/ 724958 w 1680243"/>
                <a:gd name="connsiteY6" fmla="*/ 3238968 h 3465408"/>
                <a:gd name="connsiteX7" fmla="*/ 739246 w 1680243"/>
                <a:gd name="connsiteY7" fmla="*/ 2010243 h 3465408"/>
                <a:gd name="connsiteX8" fmla="*/ 710670 w 1680243"/>
                <a:gd name="connsiteY8" fmla="*/ 3310406 h 3465408"/>
                <a:gd name="connsiteX9" fmla="*/ 382058 w 1680243"/>
                <a:gd name="connsiteY9" fmla="*/ 3210393 h 3465408"/>
                <a:gd name="connsiteX10" fmla="*/ 396345 w 1680243"/>
                <a:gd name="connsiteY10" fmla="*/ 981543 h 3465408"/>
                <a:gd name="connsiteX11" fmla="*/ 14200 w 1680243"/>
                <a:gd name="connsiteY11" fmla="*/ 662927 h 3465408"/>
                <a:gd name="connsiteX12" fmla="*/ 410865 w 1680243"/>
                <a:gd name="connsiteY12" fmla="*/ 29070 h 3465408"/>
                <a:gd name="connsiteX13" fmla="*/ 235666 w 1680243"/>
                <a:gd name="connsiteY13" fmla="*/ 433988 h 3465408"/>
                <a:gd name="connsiteX14" fmla="*/ 543809 w 1680243"/>
                <a:gd name="connsiteY14" fmla="*/ 637588 h 3465408"/>
                <a:gd name="connsiteX0" fmla="*/ 539220 w 1655915"/>
                <a:gd name="connsiteY0" fmla="*/ 624356 h 3465408"/>
                <a:gd name="connsiteX1" fmla="*/ 982133 w 1655915"/>
                <a:gd name="connsiteY1" fmla="*/ 652930 h 3465408"/>
                <a:gd name="connsiteX2" fmla="*/ 1604300 w 1655915"/>
                <a:gd name="connsiteY2" fmla="*/ 713831 h 3465408"/>
                <a:gd name="connsiteX3" fmla="*/ 1562534 w 1655915"/>
                <a:gd name="connsiteY3" fmla="*/ 1914217 h 3465408"/>
                <a:gd name="connsiteX4" fmla="*/ 1096433 w 1655915"/>
                <a:gd name="connsiteY4" fmla="*/ 924393 h 3465408"/>
                <a:gd name="connsiteX5" fmla="*/ 1067858 w 1655915"/>
                <a:gd name="connsiteY5" fmla="*/ 3267543 h 3465408"/>
                <a:gd name="connsiteX6" fmla="*/ 724958 w 1655915"/>
                <a:gd name="connsiteY6" fmla="*/ 3238968 h 3465408"/>
                <a:gd name="connsiteX7" fmla="*/ 739246 w 1655915"/>
                <a:gd name="connsiteY7" fmla="*/ 2010243 h 3465408"/>
                <a:gd name="connsiteX8" fmla="*/ 710670 w 1655915"/>
                <a:gd name="connsiteY8" fmla="*/ 3310406 h 3465408"/>
                <a:gd name="connsiteX9" fmla="*/ 382058 w 1655915"/>
                <a:gd name="connsiteY9" fmla="*/ 3210393 h 3465408"/>
                <a:gd name="connsiteX10" fmla="*/ 396345 w 1655915"/>
                <a:gd name="connsiteY10" fmla="*/ 981543 h 3465408"/>
                <a:gd name="connsiteX11" fmla="*/ 14200 w 1655915"/>
                <a:gd name="connsiteY11" fmla="*/ 662927 h 3465408"/>
                <a:gd name="connsiteX12" fmla="*/ 410865 w 1655915"/>
                <a:gd name="connsiteY12" fmla="*/ 29070 h 3465408"/>
                <a:gd name="connsiteX13" fmla="*/ 235666 w 1655915"/>
                <a:gd name="connsiteY13" fmla="*/ 433988 h 3465408"/>
                <a:gd name="connsiteX14" fmla="*/ 543809 w 1655915"/>
                <a:gd name="connsiteY14" fmla="*/ 637588 h 3465408"/>
                <a:gd name="connsiteX0" fmla="*/ 539220 w 1646156"/>
                <a:gd name="connsiteY0" fmla="*/ 624356 h 3465408"/>
                <a:gd name="connsiteX1" fmla="*/ 982133 w 1646156"/>
                <a:gd name="connsiteY1" fmla="*/ 652930 h 3465408"/>
                <a:gd name="connsiteX2" fmla="*/ 1604300 w 1646156"/>
                <a:gd name="connsiteY2" fmla="*/ 713831 h 3465408"/>
                <a:gd name="connsiteX3" fmla="*/ 1562534 w 1646156"/>
                <a:gd name="connsiteY3" fmla="*/ 1914217 h 3465408"/>
                <a:gd name="connsiteX4" fmla="*/ 1345822 w 1646156"/>
                <a:gd name="connsiteY4" fmla="*/ 1347687 h 3465408"/>
                <a:gd name="connsiteX5" fmla="*/ 1096433 w 1646156"/>
                <a:gd name="connsiteY5" fmla="*/ 924393 h 3465408"/>
                <a:gd name="connsiteX6" fmla="*/ 1067858 w 1646156"/>
                <a:gd name="connsiteY6" fmla="*/ 3267543 h 3465408"/>
                <a:gd name="connsiteX7" fmla="*/ 724958 w 1646156"/>
                <a:gd name="connsiteY7" fmla="*/ 3238968 h 3465408"/>
                <a:gd name="connsiteX8" fmla="*/ 739246 w 1646156"/>
                <a:gd name="connsiteY8" fmla="*/ 2010243 h 3465408"/>
                <a:gd name="connsiteX9" fmla="*/ 710670 w 1646156"/>
                <a:gd name="connsiteY9" fmla="*/ 3310406 h 3465408"/>
                <a:gd name="connsiteX10" fmla="*/ 382058 w 1646156"/>
                <a:gd name="connsiteY10" fmla="*/ 3210393 h 3465408"/>
                <a:gd name="connsiteX11" fmla="*/ 396345 w 1646156"/>
                <a:gd name="connsiteY11" fmla="*/ 981543 h 3465408"/>
                <a:gd name="connsiteX12" fmla="*/ 14200 w 1646156"/>
                <a:gd name="connsiteY12" fmla="*/ 662927 h 3465408"/>
                <a:gd name="connsiteX13" fmla="*/ 410865 w 1646156"/>
                <a:gd name="connsiteY13" fmla="*/ 29070 h 3465408"/>
                <a:gd name="connsiteX14" fmla="*/ 235666 w 1646156"/>
                <a:gd name="connsiteY14" fmla="*/ 433988 h 3465408"/>
                <a:gd name="connsiteX15" fmla="*/ 543809 w 1646156"/>
                <a:gd name="connsiteY15" fmla="*/ 637588 h 3465408"/>
                <a:gd name="connsiteX0" fmla="*/ 539220 w 1609398"/>
                <a:gd name="connsiteY0" fmla="*/ 624356 h 3465408"/>
                <a:gd name="connsiteX1" fmla="*/ 982133 w 1609398"/>
                <a:gd name="connsiteY1" fmla="*/ 652930 h 3465408"/>
                <a:gd name="connsiteX2" fmla="*/ 1604300 w 1609398"/>
                <a:gd name="connsiteY2" fmla="*/ 713831 h 3465408"/>
                <a:gd name="connsiteX3" fmla="*/ 1280845 w 1609398"/>
                <a:gd name="connsiteY3" fmla="*/ 2092850 h 3465408"/>
                <a:gd name="connsiteX4" fmla="*/ 1345822 w 1609398"/>
                <a:gd name="connsiteY4" fmla="*/ 1347687 h 3465408"/>
                <a:gd name="connsiteX5" fmla="*/ 1096433 w 1609398"/>
                <a:gd name="connsiteY5" fmla="*/ 924393 h 3465408"/>
                <a:gd name="connsiteX6" fmla="*/ 1067858 w 1609398"/>
                <a:gd name="connsiteY6" fmla="*/ 3267543 h 3465408"/>
                <a:gd name="connsiteX7" fmla="*/ 724958 w 1609398"/>
                <a:gd name="connsiteY7" fmla="*/ 3238968 h 3465408"/>
                <a:gd name="connsiteX8" fmla="*/ 739246 w 1609398"/>
                <a:gd name="connsiteY8" fmla="*/ 2010243 h 3465408"/>
                <a:gd name="connsiteX9" fmla="*/ 710670 w 1609398"/>
                <a:gd name="connsiteY9" fmla="*/ 3310406 h 3465408"/>
                <a:gd name="connsiteX10" fmla="*/ 382058 w 1609398"/>
                <a:gd name="connsiteY10" fmla="*/ 3210393 h 3465408"/>
                <a:gd name="connsiteX11" fmla="*/ 396345 w 1609398"/>
                <a:gd name="connsiteY11" fmla="*/ 981543 h 3465408"/>
                <a:gd name="connsiteX12" fmla="*/ 14200 w 1609398"/>
                <a:gd name="connsiteY12" fmla="*/ 662927 h 3465408"/>
                <a:gd name="connsiteX13" fmla="*/ 410865 w 1609398"/>
                <a:gd name="connsiteY13" fmla="*/ 29070 h 3465408"/>
                <a:gd name="connsiteX14" fmla="*/ 235666 w 1609398"/>
                <a:gd name="connsiteY14" fmla="*/ 433988 h 3465408"/>
                <a:gd name="connsiteX15" fmla="*/ 543809 w 1609398"/>
                <a:gd name="connsiteY15" fmla="*/ 637588 h 3465408"/>
                <a:gd name="connsiteX0" fmla="*/ 539220 w 1609283"/>
                <a:gd name="connsiteY0" fmla="*/ 624356 h 3465408"/>
                <a:gd name="connsiteX1" fmla="*/ 982133 w 1609283"/>
                <a:gd name="connsiteY1" fmla="*/ 652930 h 3465408"/>
                <a:gd name="connsiteX2" fmla="*/ 1604300 w 1609283"/>
                <a:gd name="connsiteY2" fmla="*/ 713831 h 3465408"/>
                <a:gd name="connsiteX3" fmla="*/ 1280845 w 1609283"/>
                <a:gd name="connsiteY3" fmla="*/ 2092850 h 3465408"/>
                <a:gd name="connsiteX4" fmla="*/ 1397040 w 1609283"/>
                <a:gd name="connsiteY4" fmla="*/ 1198825 h 3465408"/>
                <a:gd name="connsiteX5" fmla="*/ 1345822 w 1609283"/>
                <a:gd name="connsiteY5" fmla="*/ 1347687 h 3465408"/>
                <a:gd name="connsiteX6" fmla="*/ 1096433 w 1609283"/>
                <a:gd name="connsiteY6" fmla="*/ 924393 h 3465408"/>
                <a:gd name="connsiteX7" fmla="*/ 1067858 w 1609283"/>
                <a:gd name="connsiteY7" fmla="*/ 3267543 h 3465408"/>
                <a:gd name="connsiteX8" fmla="*/ 724958 w 1609283"/>
                <a:gd name="connsiteY8" fmla="*/ 3238968 h 3465408"/>
                <a:gd name="connsiteX9" fmla="*/ 739246 w 1609283"/>
                <a:gd name="connsiteY9" fmla="*/ 2010243 h 3465408"/>
                <a:gd name="connsiteX10" fmla="*/ 710670 w 1609283"/>
                <a:gd name="connsiteY10" fmla="*/ 3310406 h 3465408"/>
                <a:gd name="connsiteX11" fmla="*/ 382058 w 1609283"/>
                <a:gd name="connsiteY11" fmla="*/ 3210393 h 3465408"/>
                <a:gd name="connsiteX12" fmla="*/ 396345 w 1609283"/>
                <a:gd name="connsiteY12" fmla="*/ 981543 h 3465408"/>
                <a:gd name="connsiteX13" fmla="*/ 14200 w 1609283"/>
                <a:gd name="connsiteY13" fmla="*/ 662927 h 3465408"/>
                <a:gd name="connsiteX14" fmla="*/ 410865 w 1609283"/>
                <a:gd name="connsiteY14" fmla="*/ 29070 h 3465408"/>
                <a:gd name="connsiteX15" fmla="*/ 235666 w 1609283"/>
                <a:gd name="connsiteY15" fmla="*/ 433988 h 3465408"/>
                <a:gd name="connsiteX16" fmla="*/ 543809 w 1609283"/>
                <a:gd name="connsiteY16" fmla="*/ 637588 h 3465408"/>
                <a:gd name="connsiteX0" fmla="*/ 539220 w 1685378"/>
                <a:gd name="connsiteY0" fmla="*/ 624356 h 3465408"/>
                <a:gd name="connsiteX1" fmla="*/ 982133 w 1685378"/>
                <a:gd name="connsiteY1" fmla="*/ 652930 h 3465408"/>
                <a:gd name="connsiteX2" fmla="*/ 1681125 w 1685378"/>
                <a:gd name="connsiteY2" fmla="*/ 1219958 h 3465408"/>
                <a:gd name="connsiteX3" fmla="*/ 1280845 w 1685378"/>
                <a:gd name="connsiteY3" fmla="*/ 2092850 h 3465408"/>
                <a:gd name="connsiteX4" fmla="*/ 1397040 w 1685378"/>
                <a:gd name="connsiteY4" fmla="*/ 1198825 h 3465408"/>
                <a:gd name="connsiteX5" fmla="*/ 1345822 w 1685378"/>
                <a:gd name="connsiteY5" fmla="*/ 1347687 h 3465408"/>
                <a:gd name="connsiteX6" fmla="*/ 1096433 w 1685378"/>
                <a:gd name="connsiteY6" fmla="*/ 924393 h 3465408"/>
                <a:gd name="connsiteX7" fmla="*/ 1067858 w 1685378"/>
                <a:gd name="connsiteY7" fmla="*/ 3267543 h 3465408"/>
                <a:gd name="connsiteX8" fmla="*/ 724958 w 1685378"/>
                <a:gd name="connsiteY8" fmla="*/ 3238968 h 3465408"/>
                <a:gd name="connsiteX9" fmla="*/ 739246 w 1685378"/>
                <a:gd name="connsiteY9" fmla="*/ 2010243 h 3465408"/>
                <a:gd name="connsiteX10" fmla="*/ 710670 w 1685378"/>
                <a:gd name="connsiteY10" fmla="*/ 3310406 h 3465408"/>
                <a:gd name="connsiteX11" fmla="*/ 382058 w 1685378"/>
                <a:gd name="connsiteY11" fmla="*/ 3210393 h 3465408"/>
                <a:gd name="connsiteX12" fmla="*/ 396345 w 1685378"/>
                <a:gd name="connsiteY12" fmla="*/ 981543 h 3465408"/>
                <a:gd name="connsiteX13" fmla="*/ 14200 w 1685378"/>
                <a:gd name="connsiteY13" fmla="*/ 662927 h 3465408"/>
                <a:gd name="connsiteX14" fmla="*/ 410865 w 1685378"/>
                <a:gd name="connsiteY14" fmla="*/ 29070 h 3465408"/>
                <a:gd name="connsiteX15" fmla="*/ 235666 w 1685378"/>
                <a:gd name="connsiteY15" fmla="*/ 433988 h 3465408"/>
                <a:gd name="connsiteX16" fmla="*/ 543809 w 1685378"/>
                <a:gd name="connsiteY16" fmla="*/ 637588 h 3465408"/>
                <a:gd name="connsiteX0" fmla="*/ 539220 w 1583979"/>
                <a:gd name="connsiteY0" fmla="*/ 624356 h 3465408"/>
                <a:gd name="connsiteX1" fmla="*/ 982133 w 1583979"/>
                <a:gd name="connsiteY1" fmla="*/ 652930 h 3465408"/>
                <a:gd name="connsiteX2" fmla="*/ 1578691 w 1583979"/>
                <a:gd name="connsiteY2" fmla="*/ 1041323 h 3465408"/>
                <a:gd name="connsiteX3" fmla="*/ 1280845 w 1583979"/>
                <a:gd name="connsiteY3" fmla="*/ 2092850 h 3465408"/>
                <a:gd name="connsiteX4" fmla="*/ 1397040 w 1583979"/>
                <a:gd name="connsiteY4" fmla="*/ 1198825 h 3465408"/>
                <a:gd name="connsiteX5" fmla="*/ 1345822 w 1583979"/>
                <a:gd name="connsiteY5" fmla="*/ 1347687 h 3465408"/>
                <a:gd name="connsiteX6" fmla="*/ 1096433 w 1583979"/>
                <a:gd name="connsiteY6" fmla="*/ 924393 h 3465408"/>
                <a:gd name="connsiteX7" fmla="*/ 1067858 w 1583979"/>
                <a:gd name="connsiteY7" fmla="*/ 3267543 h 3465408"/>
                <a:gd name="connsiteX8" fmla="*/ 724958 w 1583979"/>
                <a:gd name="connsiteY8" fmla="*/ 3238968 h 3465408"/>
                <a:gd name="connsiteX9" fmla="*/ 739246 w 1583979"/>
                <a:gd name="connsiteY9" fmla="*/ 2010243 h 3465408"/>
                <a:gd name="connsiteX10" fmla="*/ 710670 w 1583979"/>
                <a:gd name="connsiteY10" fmla="*/ 3310406 h 3465408"/>
                <a:gd name="connsiteX11" fmla="*/ 382058 w 1583979"/>
                <a:gd name="connsiteY11" fmla="*/ 3210393 h 3465408"/>
                <a:gd name="connsiteX12" fmla="*/ 396345 w 1583979"/>
                <a:gd name="connsiteY12" fmla="*/ 981543 h 3465408"/>
                <a:gd name="connsiteX13" fmla="*/ 14200 w 1583979"/>
                <a:gd name="connsiteY13" fmla="*/ 662927 h 3465408"/>
                <a:gd name="connsiteX14" fmla="*/ 410865 w 1583979"/>
                <a:gd name="connsiteY14" fmla="*/ 29070 h 3465408"/>
                <a:gd name="connsiteX15" fmla="*/ 235666 w 1583979"/>
                <a:gd name="connsiteY15" fmla="*/ 433988 h 3465408"/>
                <a:gd name="connsiteX16" fmla="*/ 543809 w 1583979"/>
                <a:gd name="connsiteY16" fmla="*/ 637588 h 3465408"/>
                <a:gd name="connsiteX0" fmla="*/ 539220 w 1581977"/>
                <a:gd name="connsiteY0" fmla="*/ 624356 h 3465408"/>
                <a:gd name="connsiteX1" fmla="*/ 982133 w 1581977"/>
                <a:gd name="connsiteY1" fmla="*/ 652930 h 3465408"/>
                <a:gd name="connsiteX2" fmla="*/ 1578691 w 1581977"/>
                <a:gd name="connsiteY2" fmla="*/ 1041323 h 3465408"/>
                <a:gd name="connsiteX3" fmla="*/ 1229629 w 1581977"/>
                <a:gd name="connsiteY3" fmla="*/ 1824900 h 3465408"/>
                <a:gd name="connsiteX4" fmla="*/ 1397040 w 1581977"/>
                <a:gd name="connsiteY4" fmla="*/ 1198825 h 3465408"/>
                <a:gd name="connsiteX5" fmla="*/ 1345822 w 1581977"/>
                <a:gd name="connsiteY5" fmla="*/ 1347687 h 3465408"/>
                <a:gd name="connsiteX6" fmla="*/ 1096433 w 1581977"/>
                <a:gd name="connsiteY6" fmla="*/ 924393 h 3465408"/>
                <a:gd name="connsiteX7" fmla="*/ 1067858 w 1581977"/>
                <a:gd name="connsiteY7" fmla="*/ 3267543 h 3465408"/>
                <a:gd name="connsiteX8" fmla="*/ 724958 w 1581977"/>
                <a:gd name="connsiteY8" fmla="*/ 3238968 h 3465408"/>
                <a:gd name="connsiteX9" fmla="*/ 739246 w 1581977"/>
                <a:gd name="connsiteY9" fmla="*/ 2010243 h 3465408"/>
                <a:gd name="connsiteX10" fmla="*/ 710670 w 1581977"/>
                <a:gd name="connsiteY10" fmla="*/ 3310406 h 3465408"/>
                <a:gd name="connsiteX11" fmla="*/ 382058 w 1581977"/>
                <a:gd name="connsiteY11" fmla="*/ 3210393 h 3465408"/>
                <a:gd name="connsiteX12" fmla="*/ 396345 w 1581977"/>
                <a:gd name="connsiteY12" fmla="*/ 981543 h 3465408"/>
                <a:gd name="connsiteX13" fmla="*/ 14200 w 1581977"/>
                <a:gd name="connsiteY13" fmla="*/ 662927 h 3465408"/>
                <a:gd name="connsiteX14" fmla="*/ 410865 w 1581977"/>
                <a:gd name="connsiteY14" fmla="*/ 29070 h 3465408"/>
                <a:gd name="connsiteX15" fmla="*/ 235666 w 1581977"/>
                <a:gd name="connsiteY15" fmla="*/ 433988 h 3465408"/>
                <a:gd name="connsiteX16" fmla="*/ 543809 w 1581977"/>
                <a:gd name="connsiteY16" fmla="*/ 637588 h 3465408"/>
                <a:gd name="connsiteX0" fmla="*/ 539220 w 1583112"/>
                <a:gd name="connsiteY0" fmla="*/ 624356 h 3465408"/>
                <a:gd name="connsiteX1" fmla="*/ 982133 w 1583112"/>
                <a:gd name="connsiteY1" fmla="*/ 652930 h 3465408"/>
                <a:gd name="connsiteX2" fmla="*/ 1578691 w 1583112"/>
                <a:gd name="connsiteY2" fmla="*/ 1041323 h 3465408"/>
                <a:gd name="connsiteX3" fmla="*/ 1229629 w 1583112"/>
                <a:gd name="connsiteY3" fmla="*/ 1824900 h 3465408"/>
                <a:gd name="connsiteX4" fmla="*/ 1397040 w 1583112"/>
                <a:gd name="connsiteY4" fmla="*/ 1198825 h 3465408"/>
                <a:gd name="connsiteX5" fmla="*/ 1345822 w 1583112"/>
                <a:gd name="connsiteY5" fmla="*/ 1347687 h 3465408"/>
                <a:gd name="connsiteX6" fmla="*/ 1096433 w 1583112"/>
                <a:gd name="connsiteY6" fmla="*/ 924393 h 3465408"/>
                <a:gd name="connsiteX7" fmla="*/ 1067858 w 1583112"/>
                <a:gd name="connsiteY7" fmla="*/ 3267543 h 3465408"/>
                <a:gd name="connsiteX8" fmla="*/ 724958 w 1583112"/>
                <a:gd name="connsiteY8" fmla="*/ 3238968 h 3465408"/>
                <a:gd name="connsiteX9" fmla="*/ 739246 w 1583112"/>
                <a:gd name="connsiteY9" fmla="*/ 2010243 h 3465408"/>
                <a:gd name="connsiteX10" fmla="*/ 710670 w 1583112"/>
                <a:gd name="connsiteY10" fmla="*/ 3310406 h 3465408"/>
                <a:gd name="connsiteX11" fmla="*/ 382058 w 1583112"/>
                <a:gd name="connsiteY11" fmla="*/ 3210393 h 3465408"/>
                <a:gd name="connsiteX12" fmla="*/ 396345 w 1583112"/>
                <a:gd name="connsiteY12" fmla="*/ 981543 h 3465408"/>
                <a:gd name="connsiteX13" fmla="*/ 14200 w 1583112"/>
                <a:gd name="connsiteY13" fmla="*/ 662927 h 3465408"/>
                <a:gd name="connsiteX14" fmla="*/ 410865 w 1583112"/>
                <a:gd name="connsiteY14" fmla="*/ 29070 h 3465408"/>
                <a:gd name="connsiteX15" fmla="*/ 235666 w 1583112"/>
                <a:gd name="connsiteY15" fmla="*/ 433988 h 3465408"/>
                <a:gd name="connsiteX16" fmla="*/ 543809 w 1583112"/>
                <a:gd name="connsiteY16" fmla="*/ 637588 h 3465408"/>
                <a:gd name="connsiteX0" fmla="*/ 539220 w 1582204"/>
                <a:gd name="connsiteY0" fmla="*/ 624356 h 3465408"/>
                <a:gd name="connsiteX1" fmla="*/ 982133 w 1582204"/>
                <a:gd name="connsiteY1" fmla="*/ 652930 h 3465408"/>
                <a:gd name="connsiteX2" fmla="*/ 1578691 w 1582204"/>
                <a:gd name="connsiteY2" fmla="*/ 1041323 h 3465408"/>
                <a:gd name="connsiteX3" fmla="*/ 1229629 w 1582204"/>
                <a:gd name="connsiteY3" fmla="*/ 1824900 h 3465408"/>
                <a:gd name="connsiteX4" fmla="*/ 1397040 w 1582204"/>
                <a:gd name="connsiteY4" fmla="*/ 1198825 h 3465408"/>
                <a:gd name="connsiteX5" fmla="*/ 1345822 w 1582204"/>
                <a:gd name="connsiteY5" fmla="*/ 1347687 h 3465408"/>
                <a:gd name="connsiteX6" fmla="*/ 1096433 w 1582204"/>
                <a:gd name="connsiteY6" fmla="*/ 924393 h 3465408"/>
                <a:gd name="connsiteX7" fmla="*/ 1067858 w 1582204"/>
                <a:gd name="connsiteY7" fmla="*/ 3267543 h 3465408"/>
                <a:gd name="connsiteX8" fmla="*/ 724958 w 1582204"/>
                <a:gd name="connsiteY8" fmla="*/ 3238968 h 3465408"/>
                <a:gd name="connsiteX9" fmla="*/ 739246 w 1582204"/>
                <a:gd name="connsiteY9" fmla="*/ 2010243 h 3465408"/>
                <a:gd name="connsiteX10" fmla="*/ 710670 w 1582204"/>
                <a:gd name="connsiteY10" fmla="*/ 3310406 h 3465408"/>
                <a:gd name="connsiteX11" fmla="*/ 382058 w 1582204"/>
                <a:gd name="connsiteY11" fmla="*/ 3210393 h 3465408"/>
                <a:gd name="connsiteX12" fmla="*/ 396345 w 1582204"/>
                <a:gd name="connsiteY12" fmla="*/ 981543 h 3465408"/>
                <a:gd name="connsiteX13" fmla="*/ 14200 w 1582204"/>
                <a:gd name="connsiteY13" fmla="*/ 662927 h 3465408"/>
                <a:gd name="connsiteX14" fmla="*/ 410865 w 1582204"/>
                <a:gd name="connsiteY14" fmla="*/ 29070 h 3465408"/>
                <a:gd name="connsiteX15" fmla="*/ 235666 w 1582204"/>
                <a:gd name="connsiteY15" fmla="*/ 433988 h 3465408"/>
                <a:gd name="connsiteX16" fmla="*/ 543809 w 1582204"/>
                <a:gd name="connsiteY16" fmla="*/ 637588 h 3465408"/>
                <a:gd name="connsiteX0" fmla="*/ 539220 w 1582051"/>
                <a:gd name="connsiteY0" fmla="*/ 624356 h 3465408"/>
                <a:gd name="connsiteX1" fmla="*/ 982133 w 1582051"/>
                <a:gd name="connsiteY1" fmla="*/ 652930 h 3465408"/>
                <a:gd name="connsiteX2" fmla="*/ 1578691 w 1582051"/>
                <a:gd name="connsiteY2" fmla="*/ 1041323 h 3465408"/>
                <a:gd name="connsiteX3" fmla="*/ 1229629 w 1582051"/>
                <a:gd name="connsiteY3" fmla="*/ 1824900 h 3465408"/>
                <a:gd name="connsiteX4" fmla="*/ 1345822 w 1582051"/>
                <a:gd name="connsiteY4" fmla="*/ 1347687 h 3465408"/>
                <a:gd name="connsiteX5" fmla="*/ 1096433 w 1582051"/>
                <a:gd name="connsiteY5" fmla="*/ 924393 h 3465408"/>
                <a:gd name="connsiteX6" fmla="*/ 1067858 w 1582051"/>
                <a:gd name="connsiteY6" fmla="*/ 3267543 h 3465408"/>
                <a:gd name="connsiteX7" fmla="*/ 724958 w 1582051"/>
                <a:gd name="connsiteY7" fmla="*/ 3238968 h 3465408"/>
                <a:gd name="connsiteX8" fmla="*/ 739246 w 1582051"/>
                <a:gd name="connsiteY8" fmla="*/ 2010243 h 3465408"/>
                <a:gd name="connsiteX9" fmla="*/ 710670 w 1582051"/>
                <a:gd name="connsiteY9" fmla="*/ 3310406 h 3465408"/>
                <a:gd name="connsiteX10" fmla="*/ 382058 w 1582051"/>
                <a:gd name="connsiteY10" fmla="*/ 3210393 h 3465408"/>
                <a:gd name="connsiteX11" fmla="*/ 396345 w 1582051"/>
                <a:gd name="connsiteY11" fmla="*/ 981543 h 3465408"/>
                <a:gd name="connsiteX12" fmla="*/ 14200 w 1582051"/>
                <a:gd name="connsiteY12" fmla="*/ 662927 h 3465408"/>
                <a:gd name="connsiteX13" fmla="*/ 410865 w 1582051"/>
                <a:gd name="connsiteY13" fmla="*/ 29070 h 3465408"/>
                <a:gd name="connsiteX14" fmla="*/ 235666 w 1582051"/>
                <a:gd name="connsiteY14" fmla="*/ 433988 h 3465408"/>
                <a:gd name="connsiteX15" fmla="*/ 543809 w 1582051"/>
                <a:gd name="connsiteY15" fmla="*/ 637588 h 3465408"/>
                <a:gd name="connsiteX0" fmla="*/ 539220 w 1582012"/>
                <a:gd name="connsiteY0" fmla="*/ 624356 h 3465408"/>
                <a:gd name="connsiteX1" fmla="*/ 982133 w 1582012"/>
                <a:gd name="connsiteY1" fmla="*/ 652930 h 3465408"/>
                <a:gd name="connsiteX2" fmla="*/ 1578691 w 1582012"/>
                <a:gd name="connsiteY2" fmla="*/ 1041323 h 3465408"/>
                <a:gd name="connsiteX3" fmla="*/ 1229629 w 1582012"/>
                <a:gd name="connsiteY3" fmla="*/ 1824900 h 3465408"/>
                <a:gd name="connsiteX4" fmla="*/ 1371429 w 1582012"/>
                <a:gd name="connsiteY4" fmla="*/ 1139281 h 3465408"/>
                <a:gd name="connsiteX5" fmla="*/ 1096433 w 1582012"/>
                <a:gd name="connsiteY5" fmla="*/ 924393 h 3465408"/>
                <a:gd name="connsiteX6" fmla="*/ 1067858 w 1582012"/>
                <a:gd name="connsiteY6" fmla="*/ 3267543 h 3465408"/>
                <a:gd name="connsiteX7" fmla="*/ 724958 w 1582012"/>
                <a:gd name="connsiteY7" fmla="*/ 3238968 h 3465408"/>
                <a:gd name="connsiteX8" fmla="*/ 739246 w 1582012"/>
                <a:gd name="connsiteY8" fmla="*/ 2010243 h 3465408"/>
                <a:gd name="connsiteX9" fmla="*/ 710670 w 1582012"/>
                <a:gd name="connsiteY9" fmla="*/ 3310406 h 3465408"/>
                <a:gd name="connsiteX10" fmla="*/ 382058 w 1582012"/>
                <a:gd name="connsiteY10" fmla="*/ 3210393 h 3465408"/>
                <a:gd name="connsiteX11" fmla="*/ 396345 w 1582012"/>
                <a:gd name="connsiteY11" fmla="*/ 981543 h 3465408"/>
                <a:gd name="connsiteX12" fmla="*/ 14200 w 1582012"/>
                <a:gd name="connsiteY12" fmla="*/ 662927 h 3465408"/>
                <a:gd name="connsiteX13" fmla="*/ 410865 w 1582012"/>
                <a:gd name="connsiteY13" fmla="*/ 29070 h 3465408"/>
                <a:gd name="connsiteX14" fmla="*/ 235666 w 1582012"/>
                <a:gd name="connsiteY14" fmla="*/ 433988 h 3465408"/>
                <a:gd name="connsiteX15" fmla="*/ 543809 w 1582012"/>
                <a:gd name="connsiteY15" fmla="*/ 637588 h 3465408"/>
                <a:gd name="connsiteX0" fmla="*/ 539220 w 1583598"/>
                <a:gd name="connsiteY0" fmla="*/ 624356 h 3465408"/>
                <a:gd name="connsiteX1" fmla="*/ 982133 w 1583598"/>
                <a:gd name="connsiteY1" fmla="*/ 652930 h 3465408"/>
                <a:gd name="connsiteX2" fmla="*/ 1578691 w 1583598"/>
                <a:gd name="connsiteY2" fmla="*/ 1041323 h 3465408"/>
                <a:gd name="connsiteX3" fmla="*/ 1229629 w 1583598"/>
                <a:gd name="connsiteY3" fmla="*/ 1824900 h 3465408"/>
                <a:gd name="connsiteX4" fmla="*/ 1371429 w 1583598"/>
                <a:gd name="connsiteY4" fmla="*/ 1139281 h 3465408"/>
                <a:gd name="connsiteX5" fmla="*/ 1096433 w 1583598"/>
                <a:gd name="connsiteY5" fmla="*/ 924393 h 3465408"/>
                <a:gd name="connsiteX6" fmla="*/ 1067858 w 1583598"/>
                <a:gd name="connsiteY6" fmla="*/ 3267543 h 3465408"/>
                <a:gd name="connsiteX7" fmla="*/ 724958 w 1583598"/>
                <a:gd name="connsiteY7" fmla="*/ 3238968 h 3465408"/>
                <a:gd name="connsiteX8" fmla="*/ 739246 w 1583598"/>
                <a:gd name="connsiteY8" fmla="*/ 2010243 h 3465408"/>
                <a:gd name="connsiteX9" fmla="*/ 710670 w 1583598"/>
                <a:gd name="connsiteY9" fmla="*/ 3310406 h 3465408"/>
                <a:gd name="connsiteX10" fmla="*/ 382058 w 1583598"/>
                <a:gd name="connsiteY10" fmla="*/ 3210393 h 3465408"/>
                <a:gd name="connsiteX11" fmla="*/ 396345 w 1583598"/>
                <a:gd name="connsiteY11" fmla="*/ 981543 h 3465408"/>
                <a:gd name="connsiteX12" fmla="*/ 14200 w 1583598"/>
                <a:gd name="connsiteY12" fmla="*/ 662927 h 3465408"/>
                <a:gd name="connsiteX13" fmla="*/ 410865 w 1583598"/>
                <a:gd name="connsiteY13" fmla="*/ 29070 h 3465408"/>
                <a:gd name="connsiteX14" fmla="*/ 235666 w 1583598"/>
                <a:gd name="connsiteY14" fmla="*/ 433988 h 3465408"/>
                <a:gd name="connsiteX15" fmla="*/ 543809 w 1583598"/>
                <a:gd name="connsiteY15" fmla="*/ 637588 h 3465408"/>
                <a:gd name="connsiteX0" fmla="*/ 539220 w 1582012"/>
                <a:gd name="connsiteY0" fmla="*/ 624356 h 3465408"/>
                <a:gd name="connsiteX1" fmla="*/ 982133 w 1582012"/>
                <a:gd name="connsiteY1" fmla="*/ 652930 h 3465408"/>
                <a:gd name="connsiteX2" fmla="*/ 1578691 w 1582012"/>
                <a:gd name="connsiteY2" fmla="*/ 1041323 h 3465408"/>
                <a:gd name="connsiteX3" fmla="*/ 1229629 w 1582012"/>
                <a:gd name="connsiteY3" fmla="*/ 1824900 h 3465408"/>
                <a:gd name="connsiteX4" fmla="*/ 1371429 w 1582012"/>
                <a:gd name="connsiteY4" fmla="*/ 1139281 h 3465408"/>
                <a:gd name="connsiteX5" fmla="*/ 1096433 w 1582012"/>
                <a:gd name="connsiteY5" fmla="*/ 924393 h 3465408"/>
                <a:gd name="connsiteX6" fmla="*/ 1067858 w 1582012"/>
                <a:gd name="connsiteY6" fmla="*/ 3267543 h 3465408"/>
                <a:gd name="connsiteX7" fmla="*/ 724958 w 1582012"/>
                <a:gd name="connsiteY7" fmla="*/ 3238968 h 3465408"/>
                <a:gd name="connsiteX8" fmla="*/ 739246 w 1582012"/>
                <a:gd name="connsiteY8" fmla="*/ 2010243 h 3465408"/>
                <a:gd name="connsiteX9" fmla="*/ 710670 w 1582012"/>
                <a:gd name="connsiteY9" fmla="*/ 3310406 h 3465408"/>
                <a:gd name="connsiteX10" fmla="*/ 382058 w 1582012"/>
                <a:gd name="connsiteY10" fmla="*/ 3210393 h 3465408"/>
                <a:gd name="connsiteX11" fmla="*/ 396345 w 1582012"/>
                <a:gd name="connsiteY11" fmla="*/ 981543 h 3465408"/>
                <a:gd name="connsiteX12" fmla="*/ 14200 w 1582012"/>
                <a:gd name="connsiteY12" fmla="*/ 662927 h 3465408"/>
                <a:gd name="connsiteX13" fmla="*/ 410865 w 1582012"/>
                <a:gd name="connsiteY13" fmla="*/ 29070 h 3465408"/>
                <a:gd name="connsiteX14" fmla="*/ 235666 w 1582012"/>
                <a:gd name="connsiteY14" fmla="*/ 433988 h 3465408"/>
                <a:gd name="connsiteX15" fmla="*/ 543809 w 1582012"/>
                <a:gd name="connsiteY15" fmla="*/ 637588 h 3465408"/>
                <a:gd name="connsiteX0" fmla="*/ 539220 w 1582014"/>
                <a:gd name="connsiteY0" fmla="*/ 624356 h 3471878"/>
                <a:gd name="connsiteX1" fmla="*/ 982133 w 1582014"/>
                <a:gd name="connsiteY1" fmla="*/ 652930 h 3471878"/>
                <a:gd name="connsiteX2" fmla="*/ 1578691 w 1582014"/>
                <a:gd name="connsiteY2" fmla="*/ 1041323 h 3471878"/>
                <a:gd name="connsiteX3" fmla="*/ 1229629 w 1582014"/>
                <a:gd name="connsiteY3" fmla="*/ 1824900 h 3471878"/>
                <a:gd name="connsiteX4" fmla="*/ 1371429 w 1582014"/>
                <a:gd name="connsiteY4" fmla="*/ 1139281 h 3471878"/>
                <a:gd name="connsiteX5" fmla="*/ 1070826 w 1582014"/>
                <a:gd name="connsiteY5" fmla="*/ 1103025 h 3471878"/>
                <a:gd name="connsiteX6" fmla="*/ 1067858 w 1582014"/>
                <a:gd name="connsiteY6" fmla="*/ 3267543 h 3471878"/>
                <a:gd name="connsiteX7" fmla="*/ 724958 w 1582014"/>
                <a:gd name="connsiteY7" fmla="*/ 3238968 h 3471878"/>
                <a:gd name="connsiteX8" fmla="*/ 739246 w 1582014"/>
                <a:gd name="connsiteY8" fmla="*/ 2010243 h 3471878"/>
                <a:gd name="connsiteX9" fmla="*/ 710670 w 1582014"/>
                <a:gd name="connsiteY9" fmla="*/ 3310406 h 3471878"/>
                <a:gd name="connsiteX10" fmla="*/ 382058 w 1582014"/>
                <a:gd name="connsiteY10" fmla="*/ 3210393 h 3471878"/>
                <a:gd name="connsiteX11" fmla="*/ 396345 w 1582014"/>
                <a:gd name="connsiteY11" fmla="*/ 981543 h 3471878"/>
                <a:gd name="connsiteX12" fmla="*/ 14200 w 1582014"/>
                <a:gd name="connsiteY12" fmla="*/ 662927 h 3471878"/>
                <a:gd name="connsiteX13" fmla="*/ 410865 w 1582014"/>
                <a:gd name="connsiteY13" fmla="*/ 29070 h 3471878"/>
                <a:gd name="connsiteX14" fmla="*/ 235666 w 1582014"/>
                <a:gd name="connsiteY14" fmla="*/ 433988 h 3471878"/>
                <a:gd name="connsiteX15" fmla="*/ 543809 w 1582014"/>
                <a:gd name="connsiteY15" fmla="*/ 637588 h 3471878"/>
                <a:gd name="connsiteX0" fmla="*/ 539220 w 1583175"/>
                <a:gd name="connsiteY0" fmla="*/ 624356 h 3471878"/>
                <a:gd name="connsiteX1" fmla="*/ 982133 w 1583175"/>
                <a:gd name="connsiteY1" fmla="*/ 652930 h 3471878"/>
                <a:gd name="connsiteX2" fmla="*/ 1578691 w 1583175"/>
                <a:gd name="connsiteY2" fmla="*/ 1041323 h 3471878"/>
                <a:gd name="connsiteX3" fmla="*/ 1229629 w 1583175"/>
                <a:gd name="connsiteY3" fmla="*/ 1824900 h 3471878"/>
                <a:gd name="connsiteX4" fmla="*/ 1371429 w 1583175"/>
                <a:gd name="connsiteY4" fmla="*/ 1139281 h 3471878"/>
                <a:gd name="connsiteX5" fmla="*/ 1070826 w 1583175"/>
                <a:gd name="connsiteY5" fmla="*/ 1103025 h 3471878"/>
                <a:gd name="connsiteX6" fmla="*/ 1067858 w 1583175"/>
                <a:gd name="connsiteY6" fmla="*/ 3267543 h 3471878"/>
                <a:gd name="connsiteX7" fmla="*/ 724958 w 1583175"/>
                <a:gd name="connsiteY7" fmla="*/ 3238968 h 3471878"/>
                <a:gd name="connsiteX8" fmla="*/ 739246 w 1583175"/>
                <a:gd name="connsiteY8" fmla="*/ 2010243 h 3471878"/>
                <a:gd name="connsiteX9" fmla="*/ 710670 w 1583175"/>
                <a:gd name="connsiteY9" fmla="*/ 3310406 h 3471878"/>
                <a:gd name="connsiteX10" fmla="*/ 382058 w 1583175"/>
                <a:gd name="connsiteY10" fmla="*/ 3210393 h 3471878"/>
                <a:gd name="connsiteX11" fmla="*/ 396345 w 1583175"/>
                <a:gd name="connsiteY11" fmla="*/ 981543 h 3471878"/>
                <a:gd name="connsiteX12" fmla="*/ 14200 w 1583175"/>
                <a:gd name="connsiteY12" fmla="*/ 662927 h 3471878"/>
                <a:gd name="connsiteX13" fmla="*/ 410865 w 1583175"/>
                <a:gd name="connsiteY13" fmla="*/ 29070 h 3471878"/>
                <a:gd name="connsiteX14" fmla="*/ 235666 w 1583175"/>
                <a:gd name="connsiteY14" fmla="*/ 433988 h 3471878"/>
                <a:gd name="connsiteX15" fmla="*/ 543809 w 1583175"/>
                <a:gd name="connsiteY15" fmla="*/ 637588 h 3471878"/>
                <a:gd name="connsiteX0" fmla="*/ 539220 w 1583175"/>
                <a:gd name="connsiteY0" fmla="*/ 624356 h 3471878"/>
                <a:gd name="connsiteX1" fmla="*/ 982133 w 1583175"/>
                <a:gd name="connsiteY1" fmla="*/ 652930 h 3471878"/>
                <a:gd name="connsiteX2" fmla="*/ 1578691 w 1583175"/>
                <a:gd name="connsiteY2" fmla="*/ 1041323 h 3471878"/>
                <a:gd name="connsiteX3" fmla="*/ 1229629 w 1583175"/>
                <a:gd name="connsiteY3" fmla="*/ 1824900 h 3471878"/>
                <a:gd name="connsiteX4" fmla="*/ 1371429 w 1583175"/>
                <a:gd name="connsiteY4" fmla="*/ 1139281 h 3471878"/>
                <a:gd name="connsiteX5" fmla="*/ 1070826 w 1583175"/>
                <a:gd name="connsiteY5" fmla="*/ 1103025 h 3471878"/>
                <a:gd name="connsiteX6" fmla="*/ 1067858 w 1583175"/>
                <a:gd name="connsiteY6" fmla="*/ 3267543 h 3471878"/>
                <a:gd name="connsiteX7" fmla="*/ 724958 w 1583175"/>
                <a:gd name="connsiteY7" fmla="*/ 3238968 h 3471878"/>
                <a:gd name="connsiteX8" fmla="*/ 739246 w 1583175"/>
                <a:gd name="connsiteY8" fmla="*/ 2010243 h 3471878"/>
                <a:gd name="connsiteX9" fmla="*/ 710670 w 1583175"/>
                <a:gd name="connsiteY9" fmla="*/ 3310406 h 3471878"/>
                <a:gd name="connsiteX10" fmla="*/ 382058 w 1583175"/>
                <a:gd name="connsiteY10" fmla="*/ 3210393 h 3471878"/>
                <a:gd name="connsiteX11" fmla="*/ 498777 w 1583175"/>
                <a:gd name="connsiteY11" fmla="*/ 1160175 h 3471878"/>
                <a:gd name="connsiteX12" fmla="*/ 14200 w 1583175"/>
                <a:gd name="connsiteY12" fmla="*/ 662927 h 3471878"/>
                <a:gd name="connsiteX13" fmla="*/ 410865 w 1583175"/>
                <a:gd name="connsiteY13" fmla="*/ 29070 h 3471878"/>
                <a:gd name="connsiteX14" fmla="*/ 235666 w 1583175"/>
                <a:gd name="connsiteY14" fmla="*/ 433988 h 3471878"/>
                <a:gd name="connsiteX15" fmla="*/ 543809 w 1583175"/>
                <a:gd name="connsiteY15" fmla="*/ 637588 h 347187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583175" h="3471878">
                  <a:moveTo>
                    <a:pt x="539220" y="624356"/>
                  </a:moveTo>
                  <a:cubicBezTo>
                    <a:pt x="691620" y="769612"/>
                    <a:pt x="808888" y="583436"/>
                    <a:pt x="982133" y="652930"/>
                  </a:cubicBezTo>
                  <a:cubicBezTo>
                    <a:pt x="1155378" y="722424"/>
                    <a:pt x="1537442" y="845995"/>
                    <a:pt x="1578691" y="1041323"/>
                  </a:cubicBezTo>
                  <a:cubicBezTo>
                    <a:pt x="1619940" y="1236651"/>
                    <a:pt x="1366605" y="1927663"/>
                    <a:pt x="1229629" y="1824900"/>
                  </a:cubicBezTo>
                  <a:cubicBezTo>
                    <a:pt x="1092653" y="1722137"/>
                    <a:pt x="1393628" y="1289366"/>
                    <a:pt x="1371429" y="1139281"/>
                  </a:cubicBezTo>
                  <a:cubicBezTo>
                    <a:pt x="1349230" y="989197"/>
                    <a:pt x="1121421" y="748315"/>
                    <a:pt x="1070826" y="1103025"/>
                  </a:cubicBezTo>
                  <a:cubicBezTo>
                    <a:pt x="1020231" y="1457735"/>
                    <a:pt x="1125503" y="2911553"/>
                    <a:pt x="1067858" y="3267543"/>
                  </a:cubicBezTo>
                  <a:cubicBezTo>
                    <a:pt x="1010213" y="3623533"/>
                    <a:pt x="779727" y="3448518"/>
                    <a:pt x="724958" y="3238968"/>
                  </a:cubicBezTo>
                  <a:cubicBezTo>
                    <a:pt x="670189" y="3029418"/>
                    <a:pt x="741627" y="1998337"/>
                    <a:pt x="739246" y="2010243"/>
                  </a:cubicBezTo>
                  <a:cubicBezTo>
                    <a:pt x="736865" y="2022149"/>
                    <a:pt x="770201" y="3110381"/>
                    <a:pt x="710670" y="3310406"/>
                  </a:cubicBezTo>
                  <a:cubicBezTo>
                    <a:pt x="651139" y="3510431"/>
                    <a:pt x="417374" y="3568765"/>
                    <a:pt x="382058" y="3210393"/>
                  </a:cubicBezTo>
                  <a:cubicBezTo>
                    <a:pt x="346743" y="2852021"/>
                    <a:pt x="560087" y="1584753"/>
                    <a:pt x="498777" y="1160175"/>
                  </a:cubicBezTo>
                  <a:cubicBezTo>
                    <a:pt x="437467" y="735597"/>
                    <a:pt x="114212" y="841521"/>
                    <a:pt x="14200" y="662927"/>
                  </a:cubicBezTo>
                  <a:cubicBezTo>
                    <a:pt x="-85812" y="484333"/>
                    <a:pt x="373955" y="-141179"/>
                    <a:pt x="410865" y="29070"/>
                  </a:cubicBezTo>
                  <a:cubicBezTo>
                    <a:pt x="447775" y="199319"/>
                    <a:pt x="204973" y="287910"/>
                    <a:pt x="235666" y="433988"/>
                  </a:cubicBezTo>
                  <a:cubicBezTo>
                    <a:pt x="374543" y="602881"/>
                    <a:pt x="554759" y="643761"/>
                    <a:pt x="543809" y="637588"/>
                  </a:cubicBezTo>
                </a:path>
              </a:pathLst>
            </a:custGeom>
            <a:solidFill>
              <a:schemeClr val="accent1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 dirty="0"/>
            </a:p>
          </p:txBody>
        </p:sp>
      </p:grpSp>
      <p:sp>
        <p:nvSpPr>
          <p:cNvPr id="3" name="Rectangle 2"/>
          <p:cNvSpPr/>
          <p:nvPr/>
        </p:nvSpPr>
        <p:spPr>
          <a:xfrm>
            <a:off x="2229018" y="884813"/>
            <a:ext cx="505267" cy="923330"/>
          </a:xfrm>
          <a:prstGeom prst="rect">
            <a:avLst/>
          </a:prstGeom>
          <a:noFill/>
        </p:spPr>
        <p:txBody>
          <a:bodyPr wrap="none" lIns="91440" tIns="45720" rIns="91440" bIns="45720">
            <a:spAutoFit/>
          </a:bodyPr>
          <a:lstStyle/>
          <a:p>
            <a:pPr algn="ctr"/>
            <a:r>
              <a:rPr lang="en-US" sz="5400" b="1" cap="none" spc="0" dirty="0" smtClean="0">
                <a:ln w="12700">
                  <a:solidFill>
                    <a:schemeClr val="tx2">
                      <a:satMod val="155000"/>
                    </a:schemeClr>
                  </a:solidFill>
                  <a:prstDash val="solid"/>
                </a:ln>
                <a:solidFill>
                  <a:schemeClr val="bg2">
                    <a:tint val="85000"/>
                    <a:satMod val="155000"/>
                  </a:schemeClr>
                </a:solidFill>
                <a:effectLst>
                  <a:outerShdw blurRad="41275" dist="20320" dir="1800000" algn="tl" rotWithShape="0">
                    <a:srgbClr val="000000">
                      <a:alpha val="40000"/>
                    </a:srgbClr>
                  </a:outerShdw>
                </a:effectLst>
              </a:rPr>
              <a:t>?</a:t>
            </a:r>
            <a:endParaRPr lang="en-US" sz="5400" b="1" cap="none" spc="0" dirty="0">
              <a:ln w="12700">
                <a:solidFill>
                  <a:schemeClr val="tx2">
                    <a:satMod val="155000"/>
                  </a:schemeClr>
                </a:solidFill>
                <a:prstDash val="solid"/>
              </a:ln>
              <a:solidFill>
                <a:schemeClr val="bg2">
                  <a:tint val="85000"/>
                  <a:satMod val="155000"/>
                </a:schemeClr>
              </a:solidFill>
              <a:effectLst>
                <a:outerShdw blurRad="41275" dist="20320" dir="1800000" algn="tl" rotWithShape="0">
                  <a:srgbClr val="000000">
                    <a:alpha val="40000"/>
                  </a:srgbClr>
                </a:outerShdw>
              </a:effectLst>
            </a:endParaRPr>
          </a:p>
        </p:txBody>
      </p:sp>
      <p:sp>
        <p:nvSpPr>
          <p:cNvPr id="16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31840" y="6492875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32722679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67544" y="1916832"/>
            <a:ext cx="8229600" cy="1143000"/>
          </a:xfrm>
        </p:spPr>
        <p:txBody>
          <a:bodyPr>
            <a:normAutofit fontScale="90000"/>
          </a:bodyPr>
          <a:lstStyle/>
          <a:p>
            <a:r>
              <a:rPr lang="en-SG" dirty="0" smtClean="0"/>
              <a:t>Program Evaluation: </a:t>
            </a:r>
            <a:br>
              <a:rPr lang="en-SG" dirty="0" smtClean="0"/>
            </a:br>
            <a:r>
              <a:rPr lang="en-SG" dirty="0" smtClean="0"/>
              <a:t>A Mommy’s </a:t>
            </a:r>
            <a:r>
              <a:rPr lang="en-SG" dirty="0" smtClean="0"/>
              <a:t>Dilemma</a:t>
            </a:r>
            <a:endParaRPr lang="en-SG" dirty="0"/>
          </a:p>
        </p:txBody>
      </p:sp>
      <p:sp>
        <p:nvSpPr>
          <p:cNvPr id="5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31840" y="6460827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20072" y="3292397"/>
            <a:ext cx="1533352" cy="1533352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27784" y="3272506"/>
            <a:ext cx="1587500" cy="15875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4215284" y="3789040"/>
            <a:ext cx="100478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SG" b="1" dirty="0" smtClean="0"/>
              <a:t>VS</a:t>
            </a:r>
            <a:endParaRPr lang="en-SG" b="1" dirty="0"/>
          </a:p>
        </p:txBody>
      </p:sp>
    </p:spTree>
    <p:extLst>
      <p:ext uri="{BB962C8B-B14F-4D97-AF65-F5344CB8AC3E}">
        <p14:creationId xmlns:p14="http://schemas.microsoft.com/office/powerpoint/2010/main" val="23503261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itle 3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G" dirty="0" smtClean="0"/>
              <a:t>Have you ever wondered…</a:t>
            </a:r>
            <a:endParaRPr lang="en-SG" dirty="0"/>
          </a:p>
        </p:txBody>
      </p:sp>
      <p:grpSp>
        <p:nvGrpSpPr>
          <p:cNvPr id="39" name="Group 38"/>
          <p:cNvGrpSpPr/>
          <p:nvPr/>
        </p:nvGrpSpPr>
        <p:grpSpPr>
          <a:xfrm>
            <a:off x="539552" y="2972723"/>
            <a:ext cx="1182708" cy="958591"/>
            <a:chOff x="1285774" y="3703977"/>
            <a:chExt cx="1182708" cy="958591"/>
          </a:xfrm>
        </p:grpSpPr>
        <p:grpSp>
          <p:nvGrpSpPr>
            <p:cNvPr id="27" name="Group 26"/>
            <p:cNvGrpSpPr/>
            <p:nvPr/>
          </p:nvGrpSpPr>
          <p:grpSpPr>
            <a:xfrm>
              <a:off x="1285774" y="3703977"/>
              <a:ext cx="488058" cy="958591"/>
              <a:chOff x="3682064" y="2728511"/>
              <a:chExt cx="488058" cy="958591"/>
            </a:xfrm>
          </p:grpSpPr>
          <p:sp>
            <p:nvSpPr>
              <p:cNvPr id="25" name="Oval 24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26" name="Freeform 25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  <p:grpSp>
          <p:nvGrpSpPr>
            <p:cNvPr id="28" name="Group 27"/>
            <p:cNvGrpSpPr/>
            <p:nvPr/>
          </p:nvGrpSpPr>
          <p:grpSpPr>
            <a:xfrm>
              <a:off x="1980424" y="3703977"/>
              <a:ext cx="488058" cy="958591"/>
              <a:chOff x="3682064" y="2728511"/>
              <a:chExt cx="488058" cy="958591"/>
            </a:xfrm>
          </p:grpSpPr>
          <p:sp>
            <p:nvSpPr>
              <p:cNvPr id="29" name="Oval 28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30" name="Freeform 29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</p:grpSp>
      <p:grpSp>
        <p:nvGrpSpPr>
          <p:cNvPr id="61" name="Group 60"/>
          <p:cNvGrpSpPr/>
          <p:nvPr/>
        </p:nvGrpSpPr>
        <p:grpSpPr>
          <a:xfrm>
            <a:off x="3494892" y="1544735"/>
            <a:ext cx="2515810" cy="4518287"/>
            <a:chOff x="3494892" y="1544735"/>
            <a:chExt cx="2515810" cy="4518287"/>
          </a:xfrm>
        </p:grpSpPr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494892" y="3547212"/>
              <a:ext cx="2515810" cy="2515810"/>
            </a:xfrm>
            <a:prstGeom prst="rect">
              <a:avLst/>
            </a:prstGeom>
          </p:spPr>
        </p:pic>
        <p:pic>
          <p:nvPicPr>
            <p:cNvPr id="58" name="Picture 57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921423" y="1544735"/>
              <a:ext cx="1898045" cy="1523181"/>
            </a:xfrm>
            <a:prstGeom prst="rect">
              <a:avLst/>
            </a:prstGeom>
          </p:spPr>
        </p:pic>
      </p:grpSp>
      <p:sp>
        <p:nvSpPr>
          <p:cNvPr id="60" name="TextBox 59"/>
          <p:cNvSpPr txBox="1"/>
          <p:nvPr/>
        </p:nvSpPr>
        <p:spPr>
          <a:xfrm>
            <a:off x="6084168" y="2763569"/>
            <a:ext cx="2952328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2800" dirty="0" smtClean="0"/>
              <a:t>Who will be more successful when they grow up? </a:t>
            </a:r>
            <a:endParaRPr lang="en-SG" sz="2800" dirty="0"/>
          </a:p>
        </p:txBody>
      </p:sp>
      <p:grpSp>
        <p:nvGrpSpPr>
          <p:cNvPr id="62" name="Group 61"/>
          <p:cNvGrpSpPr/>
          <p:nvPr/>
        </p:nvGrpSpPr>
        <p:grpSpPr>
          <a:xfrm>
            <a:off x="2051023" y="1980720"/>
            <a:ext cx="1647515" cy="3346180"/>
            <a:chOff x="2051023" y="1980720"/>
            <a:chExt cx="1647515" cy="3346180"/>
          </a:xfrm>
        </p:grpSpPr>
        <p:grpSp>
          <p:nvGrpSpPr>
            <p:cNvPr id="32" name="Group 31"/>
            <p:cNvGrpSpPr/>
            <p:nvPr/>
          </p:nvGrpSpPr>
          <p:grpSpPr>
            <a:xfrm>
              <a:off x="3210480" y="1980720"/>
              <a:ext cx="488058" cy="958591"/>
              <a:chOff x="3682064" y="2728511"/>
              <a:chExt cx="488058" cy="958591"/>
            </a:xfrm>
          </p:grpSpPr>
          <p:sp>
            <p:nvSpPr>
              <p:cNvPr id="33" name="Oval 32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34" name="Freeform 33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  <p:grpSp>
          <p:nvGrpSpPr>
            <p:cNvPr id="35" name="Group 34"/>
            <p:cNvGrpSpPr/>
            <p:nvPr/>
          </p:nvGrpSpPr>
          <p:grpSpPr>
            <a:xfrm>
              <a:off x="3128005" y="4368309"/>
              <a:ext cx="488058" cy="958591"/>
              <a:chOff x="3682064" y="2728511"/>
              <a:chExt cx="488058" cy="958591"/>
            </a:xfrm>
          </p:grpSpPr>
          <p:sp>
            <p:nvSpPr>
              <p:cNvPr id="36" name="Oval 35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37" name="Freeform 36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  <p:sp>
          <p:nvSpPr>
            <p:cNvPr id="45" name="Right Arrow 44"/>
            <p:cNvSpPr/>
            <p:nvPr/>
          </p:nvSpPr>
          <p:spPr>
            <a:xfrm rot="20013156">
              <a:off x="2056661" y="2502903"/>
              <a:ext cx="972728" cy="343621"/>
            </a:xfrm>
            <a:prstGeom prst="rightArrow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46" name="Right Arrow 45"/>
            <p:cNvSpPr/>
            <p:nvPr/>
          </p:nvSpPr>
          <p:spPr>
            <a:xfrm rot="1827200">
              <a:off x="2051023" y="4014703"/>
              <a:ext cx="972728" cy="343621"/>
            </a:xfrm>
            <a:prstGeom prst="rightArrow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</p:grpSp>
      <p:sp>
        <p:nvSpPr>
          <p:cNvPr id="63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28005" y="6492875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14997698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1" grpId="0"/>
      <p:bldP spid="60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itle 30"/>
          <p:cNvSpPr>
            <a:spLocks noGrp="1"/>
          </p:cNvSpPr>
          <p:nvPr>
            <p:ph type="title"/>
          </p:nvPr>
        </p:nvSpPr>
        <p:spPr>
          <a:xfrm>
            <a:off x="530374" y="173457"/>
            <a:ext cx="8229600" cy="1143000"/>
          </a:xfrm>
        </p:spPr>
        <p:txBody>
          <a:bodyPr>
            <a:normAutofit fontScale="90000"/>
          </a:bodyPr>
          <a:lstStyle/>
          <a:p>
            <a:r>
              <a:rPr lang="en-SG" sz="2800" dirty="0" smtClean="0"/>
              <a:t>Suppose time flies… and the kids are grown up and you see their achievements. </a:t>
            </a:r>
            <a:br>
              <a:rPr lang="en-SG" sz="2800" dirty="0" smtClean="0"/>
            </a:br>
            <a:r>
              <a:rPr lang="en-SG" sz="2800" dirty="0" smtClean="0"/>
              <a:t>What are you thinking right now?</a:t>
            </a:r>
            <a:endParaRPr lang="en-SG" sz="2800" dirty="0"/>
          </a:p>
        </p:txBody>
      </p:sp>
      <p:grpSp>
        <p:nvGrpSpPr>
          <p:cNvPr id="59" name="Group 58"/>
          <p:cNvGrpSpPr/>
          <p:nvPr/>
        </p:nvGrpSpPr>
        <p:grpSpPr>
          <a:xfrm>
            <a:off x="539552" y="1544735"/>
            <a:ext cx="5471150" cy="4518287"/>
            <a:chOff x="1190128" y="1544735"/>
            <a:chExt cx="5471150" cy="4518287"/>
          </a:xfrm>
        </p:grpSpPr>
        <p:pic>
          <p:nvPicPr>
            <p:cNvPr id="57" name="Picture 56"/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145468" y="3547212"/>
              <a:ext cx="2515810" cy="2515810"/>
            </a:xfrm>
            <a:prstGeom prst="rect">
              <a:avLst/>
            </a:prstGeom>
          </p:spPr>
        </p:pic>
        <p:grpSp>
          <p:nvGrpSpPr>
            <p:cNvPr id="32" name="Group 31"/>
            <p:cNvGrpSpPr/>
            <p:nvPr/>
          </p:nvGrpSpPr>
          <p:grpSpPr>
            <a:xfrm>
              <a:off x="3861056" y="1980720"/>
              <a:ext cx="488058" cy="958591"/>
              <a:chOff x="3682064" y="2728511"/>
              <a:chExt cx="488058" cy="958591"/>
            </a:xfrm>
          </p:grpSpPr>
          <p:sp>
            <p:nvSpPr>
              <p:cNvPr id="33" name="Oval 32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34" name="Freeform 33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  <p:grpSp>
          <p:nvGrpSpPr>
            <p:cNvPr id="35" name="Group 34"/>
            <p:cNvGrpSpPr/>
            <p:nvPr/>
          </p:nvGrpSpPr>
          <p:grpSpPr>
            <a:xfrm>
              <a:off x="3778581" y="4368309"/>
              <a:ext cx="488058" cy="958591"/>
              <a:chOff x="3682064" y="2728511"/>
              <a:chExt cx="488058" cy="958591"/>
            </a:xfrm>
          </p:grpSpPr>
          <p:sp>
            <p:nvSpPr>
              <p:cNvPr id="36" name="Oval 35"/>
              <p:cNvSpPr/>
              <p:nvPr/>
            </p:nvSpPr>
            <p:spPr>
              <a:xfrm>
                <a:off x="3775697" y="2728511"/>
                <a:ext cx="300792" cy="190387"/>
              </a:xfrm>
              <a:prstGeom prst="ellipse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  <p:sp>
            <p:nvSpPr>
              <p:cNvPr id="37" name="Freeform 36"/>
              <p:cNvSpPr/>
              <p:nvPr/>
            </p:nvSpPr>
            <p:spPr>
              <a:xfrm>
                <a:off x="3682064" y="2918898"/>
                <a:ext cx="488058" cy="768204"/>
              </a:xfrm>
              <a:custGeom>
                <a:avLst/>
                <a:gdLst>
                  <a:gd name="connsiteX0" fmla="*/ 281161 w 1870175"/>
                  <a:gd name="connsiteY0" fmla="*/ 10184 h 3799857"/>
                  <a:gd name="connsiteX1" fmla="*/ 724073 w 1870175"/>
                  <a:gd name="connsiteY1" fmla="*/ 910297 h 3799857"/>
                  <a:gd name="connsiteX2" fmla="*/ 1138411 w 1870175"/>
                  <a:gd name="connsiteY2" fmla="*/ 953159 h 3799857"/>
                  <a:gd name="connsiteX3" fmla="*/ 1681336 w 1870175"/>
                  <a:gd name="connsiteY3" fmla="*/ 38759 h 3799857"/>
                  <a:gd name="connsiteX4" fmla="*/ 1852786 w 1870175"/>
                  <a:gd name="connsiteY4" fmla="*/ 267359 h 3799857"/>
                  <a:gd name="connsiteX5" fmla="*/ 1309861 w 1870175"/>
                  <a:gd name="connsiteY5" fmla="*/ 1153184 h 3799857"/>
                  <a:gd name="connsiteX6" fmla="*/ 1281286 w 1870175"/>
                  <a:gd name="connsiteY6" fmla="*/ 3482047 h 3799857"/>
                  <a:gd name="connsiteX7" fmla="*/ 938386 w 1870175"/>
                  <a:gd name="connsiteY7" fmla="*/ 3467759 h 3799857"/>
                  <a:gd name="connsiteX8" fmla="*/ 924098 w 1870175"/>
                  <a:gd name="connsiteY8" fmla="*/ 2224747 h 3799857"/>
                  <a:gd name="connsiteX9" fmla="*/ 924098 w 1870175"/>
                  <a:gd name="connsiteY9" fmla="*/ 3539197 h 3799857"/>
                  <a:gd name="connsiteX10" fmla="*/ 595486 w 1870175"/>
                  <a:gd name="connsiteY10" fmla="*/ 3582059 h 3799857"/>
                  <a:gd name="connsiteX11" fmla="*/ 609773 w 1870175"/>
                  <a:gd name="connsiteY11" fmla="*/ 1210334 h 3799857"/>
                  <a:gd name="connsiteX12" fmla="*/ 9698 w 1870175"/>
                  <a:gd name="connsiteY12" fmla="*/ 138772 h 3799857"/>
                  <a:gd name="connsiteX13" fmla="*/ 295448 w 1870175"/>
                  <a:gd name="connsiteY13" fmla="*/ 67334 h 3799857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82047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714089"/>
                  <a:gd name="connsiteX1" fmla="*/ 724073 w 1870175"/>
                  <a:gd name="connsiteY1" fmla="*/ 910297 h 3714089"/>
                  <a:gd name="connsiteX2" fmla="*/ 1138411 w 1870175"/>
                  <a:gd name="connsiteY2" fmla="*/ 953159 h 3714089"/>
                  <a:gd name="connsiteX3" fmla="*/ 1681336 w 1870175"/>
                  <a:gd name="connsiteY3" fmla="*/ 38759 h 3714089"/>
                  <a:gd name="connsiteX4" fmla="*/ 1852786 w 1870175"/>
                  <a:gd name="connsiteY4" fmla="*/ 267359 h 3714089"/>
                  <a:gd name="connsiteX5" fmla="*/ 1309861 w 1870175"/>
                  <a:gd name="connsiteY5" fmla="*/ 1153184 h 3714089"/>
                  <a:gd name="connsiteX6" fmla="*/ 1281286 w 1870175"/>
                  <a:gd name="connsiteY6" fmla="*/ 3496334 h 3714089"/>
                  <a:gd name="connsiteX7" fmla="*/ 938386 w 1870175"/>
                  <a:gd name="connsiteY7" fmla="*/ 3467759 h 3714089"/>
                  <a:gd name="connsiteX8" fmla="*/ 924098 w 1870175"/>
                  <a:gd name="connsiteY8" fmla="*/ 2224747 h 3714089"/>
                  <a:gd name="connsiteX9" fmla="*/ 924098 w 1870175"/>
                  <a:gd name="connsiteY9" fmla="*/ 3539197 h 3714089"/>
                  <a:gd name="connsiteX10" fmla="*/ 595486 w 1870175"/>
                  <a:gd name="connsiteY10" fmla="*/ 3439184 h 3714089"/>
                  <a:gd name="connsiteX11" fmla="*/ 609773 w 1870175"/>
                  <a:gd name="connsiteY11" fmla="*/ 1210334 h 3714089"/>
                  <a:gd name="connsiteX12" fmla="*/ 9698 w 1870175"/>
                  <a:gd name="connsiteY12" fmla="*/ 138772 h 3714089"/>
                  <a:gd name="connsiteX13" fmla="*/ 295448 w 1870175"/>
                  <a:gd name="connsiteY13" fmla="*/ 67334 h 3714089"/>
                  <a:gd name="connsiteX0" fmla="*/ 281161 w 1870175"/>
                  <a:gd name="connsiteY0" fmla="*/ 10184 h 3710679"/>
                  <a:gd name="connsiteX1" fmla="*/ 724073 w 1870175"/>
                  <a:gd name="connsiteY1" fmla="*/ 910297 h 3710679"/>
                  <a:gd name="connsiteX2" fmla="*/ 1138411 w 1870175"/>
                  <a:gd name="connsiteY2" fmla="*/ 953159 h 3710679"/>
                  <a:gd name="connsiteX3" fmla="*/ 1681336 w 1870175"/>
                  <a:gd name="connsiteY3" fmla="*/ 38759 h 3710679"/>
                  <a:gd name="connsiteX4" fmla="*/ 1852786 w 1870175"/>
                  <a:gd name="connsiteY4" fmla="*/ 267359 h 3710679"/>
                  <a:gd name="connsiteX5" fmla="*/ 1309861 w 1870175"/>
                  <a:gd name="connsiteY5" fmla="*/ 1153184 h 3710679"/>
                  <a:gd name="connsiteX6" fmla="*/ 1281286 w 1870175"/>
                  <a:gd name="connsiteY6" fmla="*/ 3496334 h 3710679"/>
                  <a:gd name="connsiteX7" fmla="*/ 938386 w 1870175"/>
                  <a:gd name="connsiteY7" fmla="*/ 3467759 h 3710679"/>
                  <a:gd name="connsiteX8" fmla="*/ 924098 w 1870175"/>
                  <a:gd name="connsiteY8" fmla="*/ 2224747 h 3710679"/>
                  <a:gd name="connsiteX9" fmla="*/ 924098 w 1870175"/>
                  <a:gd name="connsiteY9" fmla="*/ 3539197 h 3710679"/>
                  <a:gd name="connsiteX10" fmla="*/ 595486 w 1870175"/>
                  <a:gd name="connsiteY10" fmla="*/ 3439184 h 3710679"/>
                  <a:gd name="connsiteX11" fmla="*/ 609773 w 1870175"/>
                  <a:gd name="connsiteY11" fmla="*/ 1210334 h 3710679"/>
                  <a:gd name="connsiteX12" fmla="*/ 9698 w 1870175"/>
                  <a:gd name="connsiteY12" fmla="*/ 138772 h 3710679"/>
                  <a:gd name="connsiteX13" fmla="*/ 295448 w 1870175"/>
                  <a:gd name="connsiteY13" fmla="*/ 67334 h 3710679"/>
                  <a:gd name="connsiteX0" fmla="*/ 281161 w 1870175"/>
                  <a:gd name="connsiteY0" fmla="*/ 10184 h 3695136"/>
                  <a:gd name="connsiteX1" fmla="*/ 724073 w 1870175"/>
                  <a:gd name="connsiteY1" fmla="*/ 910297 h 3695136"/>
                  <a:gd name="connsiteX2" fmla="*/ 1138411 w 1870175"/>
                  <a:gd name="connsiteY2" fmla="*/ 953159 h 3695136"/>
                  <a:gd name="connsiteX3" fmla="*/ 1681336 w 1870175"/>
                  <a:gd name="connsiteY3" fmla="*/ 38759 h 3695136"/>
                  <a:gd name="connsiteX4" fmla="*/ 1852786 w 1870175"/>
                  <a:gd name="connsiteY4" fmla="*/ 267359 h 3695136"/>
                  <a:gd name="connsiteX5" fmla="*/ 1309861 w 1870175"/>
                  <a:gd name="connsiteY5" fmla="*/ 1153184 h 3695136"/>
                  <a:gd name="connsiteX6" fmla="*/ 1281286 w 1870175"/>
                  <a:gd name="connsiteY6" fmla="*/ 3496334 h 3695136"/>
                  <a:gd name="connsiteX7" fmla="*/ 938386 w 1870175"/>
                  <a:gd name="connsiteY7" fmla="*/ 3467759 h 3695136"/>
                  <a:gd name="connsiteX8" fmla="*/ 924098 w 1870175"/>
                  <a:gd name="connsiteY8" fmla="*/ 2224747 h 3695136"/>
                  <a:gd name="connsiteX9" fmla="*/ 924098 w 1870175"/>
                  <a:gd name="connsiteY9" fmla="*/ 3539197 h 3695136"/>
                  <a:gd name="connsiteX10" fmla="*/ 595486 w 1870175"/>
                  <a:gd name="connsiteY10" fmla="*/ 3439184 h 3695136"/>
                  <a:gd name="connsiteX11" fmla="*/ 609773 w 1870175"/>
                  <a:gd name="connsiteY11" fmla="*/ 1210334 h 3695136"/>
                  <a:gd name="connsiteX12" fmla="*/ 9698 w 1870175"/>
                  <a:gd name="connsiteY12" fmla="*/ 138772 h 3695136"/>
                  <a:gd name="connsiteX13" fmla="*/ 295448 w 1870175"/>
                  <a:gd name="connsiteY13" fmla="*/ 67334 h 3695136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95536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24073 w 1870175"/>
                  <a:gd name="connsiteY1" fmla="*/ 91029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70175"/>
                  <a:gd name="connsiteY0" fmla="*/ 10184 h 3694199"/>
                  <a:gd name="connsiteX1" fmla="*/ 752648 w 1870175"/>
                  <a:gd name="connsiteY1" fmla="*/ 853147 h 3694199"/>
                  <a:gd name="connsiteX2" fmla="*/ 1138411 w 1870175"/>
                  <a:gd name="connsiteY2" fmla="*/ 953159 h 3694199"/>
                  <a:gd name="connsiteX3" fmla="*/ 1681336 w 1870175"/>
                  <a:gd name="connsiteY3" fmla="*/ 38759 h 3694199"/>
                  <a:gd name="connsiteX4" fmla="*/ 1852786 w 1870175"/>
                  <a:gd name="connsiteY4" fmla="*/ 267359 h 3694199"/>
                  <a:gd name="connsiteX5" fmla="*/ 1309861 w 1870175"/>
                  <a:gd name="connsiteY5" fmla="*/ 1153184 h 3694199"/>
                  <a:gd name="connsiteX6" fmla="*/ 1281286 w 1870175"/>
                  <a:gd name="connsiteY6" fmla="*/ 3496334 h 3694199"/>
                  <a:gd name="connsiteX7" fmla="*/ 938386 w 1870175"/>
                  <a:gd name="connsiteY7" fmla="*/ 3467759 h 3694199"/>
                  <a:gd name="connsiteX8" fmla="*/ 952674 w 1870175"/>
                  <a:gd name="connsiteY8" fmla="*/ 2239034 h 3694199"/>
                  <a:gd name="connsiteX9" fmla="*/ 924098 w 1870175"/>
                  <a:gd name="connsiteY9" fmla="*/ 3539197 h 3694199"/>
                  <a:gd name="connsiteX10" fmla="*/ 595486 w 1870175"/>
                  <a:gd name="connsiteY10" fmla="*/ 3439184 h 3694199"/>
                  <a:gd name="connsiteX11" fmla="*/ 609773 w 1870175"/>
                  <a:gd name="connsiteY11" fmla="*/ 1210334 h 3694199"/>
                  <a:gd name="connsiteX12" fmla="*/ 9698 w 1870175"/>
                  <a:gd name="connsiteY12" fmla="*/ 138772 h 3694199"/>
                  <a:gd name="connsiteX13" fmla="*/ 295448 w 1870175"/>
                  <a:gd name="connsiteY13" fmla="*/ 67334 h 3694199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9343"/>
                  <a:gd name="connsiteY0" fmla="*/ 5297 h 3689312"/>
                  <a:gd name="connsiteX1" fmla="*/ 752648 w 1869343"/>
                  <a:gd name="connsiteY1" fmla="*/ 848260 h 3689312"/>
                  <a:gd name="connsiteX2" fmla="*/ 1195561 w 1869343"/>
                  <a:gd name="connsiteY2" fmla="*/ 876834 h 3689312"/>
                  <a:gd name="connsiteX3" fmla="*/ 1681336 w 1869343"/>
                  <a:gd name="connsiteY3" fmla="*/ 33872 h 3689312"/>
                  <a:gd name="connsiteX4" fmla="*/ 1852786 w 1869343"/>
                  <a:gd name="connsiteY4" fmla="*/ 262472 h 3689312"/>
                  <a:gd name="connsiteX5" fmla="*/ 1309861 w 1869343"/>
                  <a:gd name="connsiteY5" fmla="*/ 1148297 h 3689312"/>
                  <a:gd name="connsiteX6" fmla="*/ 1281286 w 1869343"/>
                  <a:gd name="connsiteY6" fmla="*/ 3491447 h 3689312"/>
                  <a:gd name="connsiteX7" fmla="*/ 938386 w 1869343"/>
                  <a:gd name="connsiteY7" fmla="*/ 3462872 h 3689312"/>
                  <a:gd name="connsiteX8" fmla="*/ 952674 w 1869343"/>
                  <a:gd name="connsiteY8" fmla="*/ 2234147 h 3689312"/>
                  <a:gd name="connsiteX9" fmla="*/ 924098 w 1869343"/>
                  <a:gd name="connsiteY9" fmla="*/ 3534310 h 3689312"/>
                  <a:gd name="connsiteX10" fmla="*/ 595486 w 1869343"/>
                  <a:gd name="connsiteY10" fmla="*/ 3434297 h 3689312"/>
                  <a:gd name="connsiteX11" fmla="*/ 609773 w 1869343"/>
                  <a:gd name="connsiteY11" fmla="*/ 1205447 h 3689312"/>
                  <a:gd name="connsiteX12" fmla="*/ 9698 w 1869343"/>
                  <a:gd name="connsiteY12" fmla="*/ 133885 h 3689312"/>
                  <a:gd name="connsiteX13" fmla="*/ 295448 w 1869343"/>
                  <a:gd name="connsiteY13" fmla="*/ 62447 h 3689312"/>
                  <a:gd name="connsiteX0" fmla="*/ 281161 w 1863912"/>
                  <a:gd name="connsiteY0" fmla="*/ 947 h 3684962"/>
                  <a:gd name="connsiteX1" fmla="*/ 752648 w 1863912"/>
                  <a:gd name="connsiteY1" fmla="*/ 843910 h 3684962"/>
                  <a:gd name="connsiteX2" fmla="*/ 1195561 w 1863912"/>
                  <a:gd name="connsiteY2" fmla="*/ 872484 h 3684962"/>
                  <a:gd name="connsiteX3" fmla="*/ 1638473 w 1863912"/>
                  <a:gd name="connsiteY3" fmla="*/ 129535 h 3684962"/>
                  <a:gd name="connsiteX4" fmla="*/ 1852786 w 1863912"/>
                  <a:gd name="connsiteY4" fmla="*/ 258122 h 3684962"/>
                  <a:gd name="connsiteX5" fmla="*/ 1309861 w 1863912"/>
                  <a:gd name="connsiteY5" fmla="*/ 1143947 h 3684962"/>
                  <a:gd name="connsiteX6" fmla="*/ 1281286 w 1863912"/>
                  <a:gd name="connsiteY6" fmla="*/ 3487097 h 3684962"/>
                  <a:gd name="connsiteX7" fmla="*/ 938386 w 1863912"/>
                  <a:gd name="connsiteY7" fmla="*/ 3458522 h 3684962"/>
                  <a:gd name="connsiteX8" fmla="*/ 952674 w 1863912"/>
                  <a:gd name="connsiteY8" fmla="*/ 2229797 h 3684962"/>
                  <a:gd name="connsiteX9" fmla="*/ 924098 w 1863912"/>
                  <a:gd name="connsiteY9" fmla="*/ 3529960 h 3684962"/>
                  <a:gd name="connsiteX10" fmla="*/ 595486 w 1863912"/>
                  <a:gd name="connsiteY10" fmla="*/ 3429947 h 3684962"/>
                  <a:gd name="connsiteX11" fmla="*/ 609773 w 1863912"/>
                  <a:gd name="connsiteY11" fmla="*/ 1201097 h 3684962"/>
                  <a:gd name="connsiteX12" fmla="*/ 9698 w 1863912"/>
                  <a:gd name="connsiteY12" fmla="*/ 129535 h 3684962"/>
                  <a:gd name="connsiteX13" fmla="*/ 295448 w 1863912"/>
                  <a:gd name="connsiteY13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242888 w 1863912"/>
                  <a:gd name="connsiteY13" fmla="*/ 28466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42950 w 1863912"/>
                  <a:gd name="connsiteY13" fmla="*/ 871429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71525 w 1863912"/>
                  <a:gd name="connsiteY13" fmla="*/ 842854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857250 w 1863912"/>
                  <a:gd name="connsiteY13" fmla="*/ 742842 h 3684962"/>
                  <a:gd name="connsiteX0" fmla="*/ 752648 w 1863912"/>
                  <a:gd name="connsiteY0" fmla="*/ 843910 h 3684962"/>
                  <a:gd name="connsiteX1" fmla="*/ 1195561 w 1863912"/>
                  <a:gd name="connsiteY1" fmla="*/ 872484 h 3684962"/>
                  <a:gd name="connsiteX2" fmla="*/ 1638473 w 1863912"/>
                  <a:gd name="connsiteY2" fmla="*/ 129535 h 3684962"/>
                  <a:gd name="connsiteX3" fmla="*/ 1852786 w 1863912"/>
                  <a:gd name="connsiteY3" fmla="*/ 258122 h 3684962"/>
                  <a:gd name="connsiteX4" fmla="*/ 1309861 w 1863912"/>
                  <a:gd name="connsiteY4" fmla="*/ 1143947 h 3684962"/>
                  <a:gd name="connsiteX5" fmla="*/ 1281286 w 1863912"/>
                  <a:gd name="connsiteY5" fmla="*/ 3487097 h 3684962"/>
                  <a:gd name="connsiteX6" fmla="*/ 938386 w 1863912"/>
                  <a:gd name="connsiteY6" fmla="*/ 3458522 h 3684962"/>
                  <a:gd name="connsiteX7" fmla="*/ 952674 w 1863912"/>
                  <a:gd name="connsiteY7" fmla="*/ 2229797 h 3684962"/>
                  <a:gd name="connsiteX8" fmla="*/ 924098 w 1863912"/>
                  <a:gd name="connsiteY8" fmla="*/ 3529960 h 3684962"/>
                  <a:gd name="connsiteX9" fmla="*/ 595486 w 1863912"/>
                  <a:gd name="connsiteY9" fmla="*/ 3429947 h 3684962"/>
                  <a:gd name="connsiteX10" fmla="*/ 609773 w 1863912"/>
                  <a:gd name="connsiteY10" fmla="*/ 1201097 h 3684962"/>
                  <a:gd name="connsiteX11" fmla="*/ 9698 w 1863912"/>
                  <a:gd name="connsiteY11" fmla="*/ 129535 h 3684962"/>
                  <a:gd name="connsiteX12" fmla="*/ 295448 w 1863912"/>
                  <a:gd name="connsiteY12" fmla="*/ 58097 h 3684962"/>
                  <a:gd name="connsiteX13" fmla="*/ 757237 w 1863912"/>
                  <a:gd name="connsiteY13" fmla="*/ 857142 h 3684962"/>
                  <a:gd name="connsiteX0" fmla="*/ 752083 w 1863347"/>
                  <a:gd name="connsiteY0" fmla="*/ 872680 h 3713732"/>
                  <a:gd name="connsiteX1" fmla="*/ 1194996 w 1863347"/>
                  <a:gd name="connsiteY1" fmla="*/ 901254 h 3713732"/>
                  <a:gd name="connsiteX2" fmla="*/ 1637908 w 1863347"/>
                  <a:gd name="connsiteY2" fmla="*/ 158305 h 3713732"/>
                  <a:gd name="connsiteX3" fmla="*/ 1852221 w 1863347"/>
                  <a:gd name="connsiteY3" fmla="*/ 286892 h 3713732"/>
                  <a:gd name="connsiteX4" fmla="*/ 1309296 w 1863347"/>
                  <a:gd name="connsiteY4" fmla="*/ 1172717 h 3713732"/>
                  <a:gd name="connsiteX5" fmla="*/ 1280721 w 1863347"/>
                  <a:gd name="connsiteY5" fmla="*/ 3515867 h 3713732"/>
                  <a:gd name="connsiteX6" fmla="*/ 937821 w 1863347"/>
                  <a:gd name="connsiteY6" fmla="*/ 3487292 h 3713732"/>
                  <a:gd name="connsiteX7" fmla="*/ 952109 w 1863347"/>
                  <a:gd name="connsiteY7" fmla="*/ 2258567 h 3713732"/>
                  <a:gd name="connsiteX8" fmla="*/ 923533 w 1863347"/>
                  <a:gd name="connsiteY8" fmla="*/ 3558730 h 3713732"/>
                  <a:gd name="connsiteX9" fmla="*/ 594921 w 1863347"/>
                  <a:gd name="connsiteY9" fmla="*/ 3458717 h 3713732"/>
                  <a:gd name="connsiteX10" fmla="*/ 609208 w 1863347"/>
                  <a:gd name="connsiteY10" fmla="*/ 1229867 h 3713732"/>
                  <a:gd name="connsiteX11" fmla="*/ 9133 w 1863347"/>
                  <a:gd name="connsiteY11" fmla="*/ 158305 h 3713732"/>
                  <a:gd name="connsiteX12" fmla="*/ 294883 w 1863347"/>
                  <a:gd name="connsiteY12" fmla="*/ 86867 h 3713732"/>
                  <a:gd name="connsiteX13" fmla="*/ 756672 w 1863347"/>
                  <a:gd name="connsiteY13" fmla="*/ 885912 h 3713732"/>
                  <a:gd name="connsiteX0" fmla="*/ 752083 w 1639561"/>
                  <a:gd name="connsiteY0" fmla="*/ 872680 h 3713732"/>
                  <a:gd name="connsiteX1" fmla="*/ 1194996 w 1639561"/>
                  <a:gd name="connsiteY1" fmla="*/ 901254 h 3713732"/>
                  <a:gd name="connsiteX2" fmla="*/ 1637908 w 1639561"/>
                  <a:gd name="connsiteY2" fmla="*/ 158305 h 3713732"/>
                  <a:gd name="connsiteX3" fmla="*/ 1344329 w 1639561"/>
                  <a:gd name="connsiteY3" fmla="*/ 2847304 h 3713732"/>
                  <a:gd name="connsiteX4" fmla="*/ 1309296 w 1639561"/>
                  <a:gd name="connsiteY4" fmla="*/ 1172717 h 3713732"/>
                  <a:gd name="connsiteX5" fmla="*/ 1280721 w 1639561"/>
                  <a:gd name="connsiteY5" fmla="*/ 3515867 h 3713732"/>
                  <a:gd name="connsiteX6" fmla="*/ 937821 w 1639561"/>
                  <a:gd name="connsiteY6" fmla="*/ 3487292 h 3713732"/>
                  <a:gd name="connsiteX7" fmla="*/ 952109 w 1639561"/>
                  <a:gd name="connsiteY7" fmla="*/ 2258567 h 3713732"/>
                  <a:gd name="connsiteX8" fmla="*/ 923533 w 1639561"/>
                  <a:gd name="connsiteY8" fmla="*/ 3558730 h 3713732"/>
                  <a:gd name="connsiteX9" fmla="*/ 594921 w 1639561"/>
                  <a:gd name="connsiteY9" fmla="*/ 3458717 h 3713732"/>
                  <a:gd name="connsiteX10" fmla="*/ 609208 w 1639561"/>
                  <a:gd name="connsiteY10" fmla="*/ 1229867 h 3713732"/>
                  <a:gd name="connsiteX11" fmla="*/ 9133 w 1639561"/>
                  <a:gd name="connsiteY11" fmla="*/ 158305 h 3713732"/>
                  <a:gd name="connsiteX12" fmla="*/ 294883 w 1639561"/>
                  <a:gd name="connsiteY12" fmla="*/ 86867 h 3713732"/>
                  <a:gd name="connsiteX13" fmla="*/ 756672 w 1639561"/>
                  <a:gd name="connsiteY13" fmla="*/ 885912 h 3713732"/>
                  <a:gd name="connsiteX0" fmla="*/ 752083 w 1580163"/>
                  <a:gd name="connsiteY0" fmla="*/ 872680 h 3713732"/>
                  <a:gd name="connsiteX1" fmla="*/ 1194996 w 1580163"/>
                  <a:gd name="connsiteY1" fmla="*/ 901254 h 3713732"/>
                  <a:gd name="connsiteX2" fmla="*/ 1578155 w 1580163"/>
                  <a:gd name="connsiteY2" fmla="*/ 1468283 h 3713732"/>
                  <a:gd name="connsiteX3" fmla="*/ 1344329 w 1580163"/>
                  <a:gd name="connsiteY3" fmla="*/ 2847304 h 3713732"/>
                  <a:gd name="connsiteX4" fmla="*/ 1309296 w 1580163"/>
                  <a:gd name="connsiteY4" fmla="*/ 1172717 h 3713732"/>
                  <a:gd name="connsiteX5" fmla="*/ 1280721 w 1580163"/>
                  <a:gd name="connsiteY5" fmla="*/ 3515867 h 3713732"/>
                  <a:gd name="connsiteX6" fmla="*/ 937821 w 1580163"/>
                  <a:gd name="connsiteY6" fmla="*/ 3487292 h 3713732"/>
                  <a:gd name="connsiteX7" fmla="*/ 952109 w 1580163"/>
                  <a:gd name="connsiteY7" fmla="*/ 2258567 h 3713732"/>
                  <a:gd name="connsiteX8" fmla="*/ 923533 w 1580163"/>
                  <a:gd name="connsiteY8" fmla="*/ 3558730 h 3713732"/>
                  <a:gd name="connsiteX9" fmla="*/ 594921 w 1580163"/>
                  <a:gd name="connsiteY9" fmla="*/ 3458717 h 3713732"/>
                  <a:gd name="connsiteX10" fmla="*/ 609208 w 1580163"/>
                  <a:gd name="connsiteY10" fmla="*/ 1229867 h 3713732"/>
                  <a:gd name="connsiteX11" fmla="*/ 9133 w 1580163"/>
                  <a:gd name="connsiteY11" fmla="*/ 158305 h 3713732"/>
                  <a:gd name="connsiteX12" fmla="*/ 294883 w 1580163"/>
                  <a:gd name="connsiteY12" fmla="*/ 86867 h 3713732"/>
                  <a:gd name="connsiteX13" fmla="*/ 756672 w 1580163"/>
                  <a:gd name="connsiteY13" fmla="*/ 885912 h 3713732"/>
                  <a:gd name="connsiteX0" fmla="*/ 752083 w 2094644"/>
                  <a:gd name="connsiteY0" fmla="*/ 872680 h 3713732"/>
                  <a:gd name="connsiteX1" fmla="*/ 1194996 w 2094644"/>
                  <a:gd name="connsiteY1" fmla="*/ 901254 h 3713732"/>
                  <a:gd name="connsiteX2" fmla="*/ 1578155 w 2094644"/>
                  <a:gd name="connsiteY2" fmla="*/ 1468283 h 3713732"/>
                  <a:gd name="connsiteX3" fmla="*/ 2091231 w 2094644"/>
                  <a:gd name="connsiteY3" fmla="*/ 2787762 h 3713732"/>
                  <a:gd name="connsiteX4" fmla="*/ 1309296 w 2094644"/>
                  <a:gd name="connsiteY4" fmla="*/ 1172717 h 3713732"/>
                  <a:gd name="connsiteX5" fmla="*/ 1280721 w 2094644"/>
                  <a:gd name="connsiteY5" fmla="*/ 3515867 h 3713732"/>
                  <a:gd name="connsiteX6" fmla="*/ 937821 w 2094644"/>
                  <a:gd name="connsiteY6" fmla="*/ 3487292 h 3713732"/>
                  <a:gd name="connsiteX7" fmla="*/ 952109 w 2094644"/>
                  <a:gd name="connsiteY7" fmla="*/ 2258567 h 3713732"/>
                  <a:gd name="connsiteX8" fmla="*/ 923533 w 2094644"/>
                  <a:gd name="connsiteY8" fmla="*/ 3558730 h 3713732"/>
                  <a:gd name="connsiteX9" fmla="*/ 594921 w 2094644"/>
                  <a:gd name="connsiteY9" fmla="*/ 3458717 h 3713732"/>
                  <a:gd name="connsiteX10" fmla="*/ 609208 w 2094644"/>
                  <a:gd name="connsiteY10" fmla="*/ 1229867 h 3713732"/>
                  <a:gd name="connsiteX11" fmla="*/ 9133 w 2094644"/>
                  <a:gd name="connsiteY11" fmla="*/ 158305 h 3713732"/>
                  <a:gd name="connsiteX12" fmla="*/ 294883 w 2094644"/>
                  <a:gd name="connsiteY12" fmla="*/ 86867 h 3713732"/>
                  <a:gd name="connsiteX13" fmla="*/ 756672 w 2094644"/>
                  <a:gd name="connsiteY13" fmla="*/ 885912 h 3713732"/>
                  <a:gd name="connsiteX0" fmla="*/ 752083 w 1771469"/>
                  <a:gd name="connsiteY0" fmla="*/ 872680 h 3713732"/>
                  <a:gd name="connsiteX1" fmla="*/ 1194996 w 1771469"/>
                  <a:gd name="connsiteY1" fmla="*/ 901254 h 3713732"/>
                  <a:gd name="connsiteX2" fmla="*/ 1578155 w 1771469"/>
                  <a:gd name="connsiteY2" fmla="*/ 1468283 h 3713732"/>
                  <a:gd name="connsiteX3" fmla="*/ 1762593 w 1771469"/>
                  <a:gd name="connsiteY3" fmla="*/ 3323662 h 3713732"/>
                  <a:gd name="connsiteX4" fmla="*/ 1309296 w 1771469"/>
                  <a:gd name="connsiteY4" fmla="*/ 1172717 h 3713732"/>
                  <a:gd name="connsiteX5" fmla="*/ 1280721 w 1771469"/>
                  <a:gd name="connsiteY5" fmla="*/ 3515867 h 3713732"/>
                  <a:gd name="connsiteX6" fmla="*/ 937821 w 1771469"/>
                  <a:gd name="connsiteY6" fmla="*/ 3487292 h 3713732"/>
                  <a:gd name="connsiteX7" fmla="*/ 952109 w 1771469"/>
                  <a:gd name="connsiteY7" fmla="*/ 2258567 h 3713732"/>
                  <a:gd name="connsiteX8" fmla="*/ 923533 w 1771469"/>
                  <a:gd name="connsiteY8" fmla="*/ 3558730 h 3713732"/>
                  <a:gd name="connsiteX9" fmla="*/ 594921 w 1771469"/>
                  <a:gd name="connsiteY9" fmla="*/ 3458717 h 3713732"/>
                  <a:gd name="connsiteX10" fmla="*/ 609208 w 1771469"/>
                  <a:gd name="connsiteY10" fmla="*/ 1229867 h 3713732"/>
                  <a:gd name="connsiteX11" fmla="*/ 9133 w 1771469"/>
                  <a:gd name="connsiteY11" fmla="*/ 158305 h 3713732"/>
                  <a:gd name="connsiteX12" fmla="*/ 294883 w 1771469"/>
                  <a:gd name="connsiteY12" fmla="*/ 86867 h 3713732"/>
                  <a:gd name="connsiteX13" fmla="*/ 756672 w 1771469"/>
                  <a:gd name="connsiteY13" fmla="*/ 885912 h 3713732"/>
                  <a:gd name="connsiteX0" fmla="*/ 752083 w 1762925"/>
                  <a:gd name="connsiteY0" fmla="*/ 872680 h 3713732"/>
                  <a:gd name="connsiteX1" fmla="*/ 1194996 w 1762925"/>
                  <a:gd name="connsiteY1" fmla="*/ 901254 h 3713732"/>
                  <a:gd name="connsiteX2" fmla="*/ 1578155 w 1762925"/>
                  <a:gd name="connsiteY2" fmla="*/ 1468283 h 3713732"/>
                  <a:gd name="connsiteX3" fmla="*/ 1762593 w 1762925"/>
                  <a:gd name="connsiteY3" fmla="*/ 3323662 h 3713732"/>
                  <a:gd name="connsiteX4" fmla="*/ 1537787 w 1762925"/>
                  <a:gd name="connsiteY4" fmla="*/ 2110476 h 3713732"/>
                  <a:gd name="connsiteX5" fmla="*/ 1309296 w 1762925"/>
                  <a:gd name="connsiteY5" fmla="*/ 1172717 h 3713732"/>
                  <a:gd name="connsiteX6" fmla="*/ 1280721 w 1762925"/>
                  <a:gd name="connsiteY6" fmla="*/ 3515867 h 3713732"/>
                  <a:gd name="connsiteX7" fmla="*/ 937821 w 1762925"/>
                  <a:gd name="connsiteY7" fmla="*/ 3487292 h 3713732"/>
                  <a:gd name="connsiteX8" fmla="*/ 952109 w 1762925"/>
                  <a:gd name="connsiteY8" fmla="*/ 2258567 h 3713732"/>
                  <a:gd name="connsiteX9" fmla="*/ 923533 w 1762925"/>
                  <a:gd name="connsiteY9" fmla="*/ 3558730 h 3713732"/>
                  <a:gd name="connsiteX10" fmla="*/ 594921 w 1762925"/>
                  <a:gd name="connsiteY10" fmla="*/ 3458717 h 3713732"/>
                  <a:gd name="connsiteX11" fmla="*/ 609208 w 1762925"/>
                  <a:gd name="connsiteY11" fmla="*/ 1229867 h 3713732"/>
                  <a:gd name="connsiteX12" fmla="*/ 9133 w 1762925"/>
                  <a:gd name="connsiteY12" fmla="*/ 158305 h 3713732"/>
                  <a:gd name="connsiteX13" fmla="*/ 294883 w 1762925"/>
                  <a:gd name="connsiteY13" fmla="*/ 86867 h 3713732"/>
                  <a:gd name="connsiteX14" fmla="*/ 756672 w 1762925"/>
                  <a:gd name="connsiteY14" fmla="*/ 885912 h 3713732"/>
                  <a:gd name="connsiteX0" fmla="*/ 752083 w 1765323"/>
                  <a:gd name="connsiteY0" fmla="*/ 872680 h 3713732"/>
                  <a:gd name="connsiteX1" fmla="*/ 1194996 w 1765323"/>
                  <a:gd name="connsiteY1" fmla="*/ 901254 h 3713732"/>
                  <a:gd name="connsiteX2" fmla="*/ 1578155 w 1765323"/>
                  <a:gd name="connsiteY2" fmla="*/ 1468283 h 3713732"/>
                  <a:gd name="connsiteX3" fmla="*/ 1762593 w 1765323"/>
                  <a:gd name="connsiteY3" fmla="*/ 3323662 h 3713732"/>
                  <a:gd name="connsiteX4" fmla="*/ 1448158 w 1765323"/>
                  <a:gd name="connsiteY4" fmla="*/ 2170023 h 3713732"/>
                  <a:gd name="connsiteX5" fmla="*/ 1309296 w 1765323"/>
                  <a:gd name="connsiteY5" fmla="*/ 1172717 h 3713732"/>
                  <a:gd name="connsiteX6" fmla="*/ 1280721 w 1765323"/>
                  <a:gd name="connsiteY6" fmla="*/ 3515867 h 3713732"/>
                  <a:gd name="connsiteX7" fmla="*/ 937821 w 1765323"/>
                  <a:gd name="connsiteY7" fmla="*/ 3487292 h 3713732"/>
                  <a:gd name="connsiteX8" fmla="*/ 952109 w 1765323"/>
                  <a:gd name="connsiteY8" fmla="*/ 2258567 h 3713732"/>
                  <a:gd name="connsiteX9" fmla="*/ 923533 w 1765323"/>
                  <a:gd name="connsiteY9" fmla="*/ 3558730 h 3713732"/>
                  <a:gd name="connsiteX10" fmla="*/ 594921 w 1765323"/>
                  <a:gd name="connsiteY10" fmla="*/ 3458717 h 3713732"/>
                  <a:gd name="connsiteX11" fmla="*/ 609208 w 1765323"/>
                  <a:gd name="connsiteY11" fmla="*/ 1229867 h 3713732"/>
                  <a:gd name="connsiteX12" fmla="*/ 9133 w 1765323"/>
                  <a:gd name="connsiteY12" fmla="*/ 158305 h 3713732"/>
                  <a:gd name="connsiteX13" fmla="*/ 294883 w 1765323"/>
                  <a:gd name="connsiteY13" fmla="*/ 86867 h 3713732"/>
                  <a:gd name="connsiteX14" fmla="*/ 756672 w 1765323"/>
                  <a:gd name="connsiteY14" fmla="*/ 885912 h 3713732"/>
                  <a:gd name="connsiteX0" fmla="*/ 752083 w 1582466"/>
                  <a:gd name="connsiteY0" fmla="*/ 872680 h 3713732"/>
                  <a:gd name="connsiteX1" fmla="*/ 1194996 w 1582466"/>
                  <a:gd name="connsiteY1" fmla="*/ 901254 h 3713732"/>
                  <a:gd name="connsiteX2" fmla="*/ 1578155 w 1582466"/>
                  <a:gd name="connsiteY2" fmla="*/ 1468283 h 3713732"/>
                  <a:gd name="connsiteX3" fmla="*/ 1404079 w 1582466"/>
                  <a:gd name="connsiteY3" fmla="*/ 2847304 h 3713732"/>
                  <a:gd name="connsiteX4" fmla="*/ 1448158 w 1582466"/>
                  <a:gd name="connsiteY4" fmla="*/ 2170023 h 3713732"/>
                  <a:gd name="connsiteX5" fmla="*/ 1309296 w 1582466"/>
                  <a:gd name="connsiteY5" fmla="*/ 1172717 h 3713732"/>
                  <a:gd name="connsiteX6" fmla="*/ 1280721 w 1582466"/>
                  <a:gd name="connsiteY6" fmla="*/ 3515867 h 3713732"/>
                  <a:gd name="connsiteX7" fmla="*/ 937821 w 1582466"/>
                  <a:gd name="connsiteY7" fmla="*/ 3487292 h 3713732"/>
                  <a:gd name="connsiteX8" fmla="*/ 952109 w 1582466"/>
                  <a:gd name="connsiteY8" fmla="*/ 2258567 h 3713732"/>
                  <a:gd name="connsiteX9" fmla="*/ 923533 w 1582466"/>
                  <a:gd name="connsiteY9" fmla="*/ 3558730 h 3713732"/>
                  <a:gd name="connsiteX10" fmla="*/ 594921 w 1582466"/>
                  <a:gd name="connsiteY10" fmla="*/ 3458717 h 3713732"/>
                  <a:gd name="connsiteX11" fmla="*/ 609208 w 1582466"/>
                  <a:gd name="connsiteY11" fmla="*/ 1229867 h 3713732"/>
                  <a:gd name="connsiteX12" fmla="*/ 9133 w 1582466"/>
                  <a:gd name="connsiteY12" fmla="*/ 158305 h 3713732"/>
                  <a:gd name="connsiteX13" fmla="*/ 294883 w 1582466"/>
                  <a:gd name="connsiteY13" fmla="*/ 86867 h 3713732"/>
                  <a:gd name="connsiteX14" fmla="*/ 756672 w 1582466"/>
                  <a:gd name="connsiteY14" fmla="*/ 885912 h 3713732"/>
                  <a:gd name="connsiteX0" fmla="*/ 752083 w 1582779"/>
                  <a:gd name="connsiteY0" fmla="*/ 872680 h 3713732"/>
                  <a:gd name="connsiteX1" fmla="*/ 1194996 w 1582779"/>
                  <a:gd name="connsiteY1" fmla="*/ 901254 h 3713732"/>
                  <a:gd name="connsiteX2" fmla="*/ 1578155 w 1582779"/>
                  <a:gd name="connsiteY2" fmla="*/ 1468283 h 3713732"/>
                  <a:gd name="connsiteX3" fmla="*/ 1404079 w 1582779"/>
                  <a:gd name="connsiteY3" fmla="*/ 2847304 h 3713732"/>
                  <a:gd name="connsiteX4" fmla="*/ 1358529 w 1582779"/>
                  <a:gd name="connsiteY4" fmla="*/ 1872299 h 3713732"/>
                  <a:gd name="connsiteX5" fmla="*/ 1309296 w 1582779"/>
                  <a:gd name="connsiteY5" fmla="*/ 1172717 h 3713732"/>
                  <a:gd name="connsiteX6" fmla="*/ 1280721 w 1582779"/>
                  <a:gd name="connsiteY6" fmla="*/ 3515867 h 3713732"/>
                  <a:gd name="connsiteX7" fmla="*/ 937821 w 1582779"/>
                  <a:gd name="connsiteY7" fmla="*/ 3487292 h 3713732"/>
                  <a:gd name="connsiteX8" fmla="*/ 952109 w 1582779"/>
                  <a:gd name="connsiteY8" fmla="*/ 2258567 h 3713732"/>
                  <a:gd name="connsiteX9" fmla="*/ 923533 w 1582779"/>
                  <a:gd name="connsiteY9" fmla="*/ 3558730 h 3713732"/>
                  <a:gd name="connsiteX10" fmla="*/ 594921 w 1582779"/>
                  <a:gd name="connsiteY10" fmla="*/ 3458717 h 3713732"/>
                  <a:gd name="connsiteX11" fmla="*/ 609208 w 1582779"/>
                  <a:gd name="connsiteY11" fmla="*/ 1229867 h 3713732"/>
                  <a:gd name="connsiteX12" fmla="*/ 9133 w 1582779"/>
                  <a:gd name="connsiteY12" fmla="*/ 158305 h 3713732"/>
                  <a:gd name="connsiteX13" fmla="*/ 294883 w 1582779"/>
                  <a:gd name="connsiteY13" fmla="*/ 86867 h 3713732"/>
                  <a:gd name="connsiteX14" fmla="*/ 756672 w 1582779"/>
                  <a:gd name="connsiteY14" fmla="*/ 885912 h 3713732"/>
                  <a:gd name="connsiteX0" fmla="*/ 752083 w 1612136"/>
                  <a:gd name="connsiteY0" fmla="*/ 872680 h 3713732"/>
                  <a:gd name="connsiteX1" fmla="*/ 1194996 w 1612136"/>
                  <a:gd name="connsiteY1" fmla="*/ 901254 h 3713732"/>
                  <a:gd name="connsiteX2" fmla="*/ 1608031 w 1612136"/>
                  <a:gd name="connsiteY2" fmla="*/ 1825548 h 3713732"/>
                  <a:gd name="connsiteX3" fmla="*/ 1404079 w 1612136"/>
                  <a:gd name="connsiteY3" fmla="*/ 2847304 h 3713732"/>
                  <a:gd name="connsiteX4" fmla="*/ 1358529 w 1612136"/>
                  <a:gd name="connsiteY4" fmla="*/ 1872299 h 3713732"/>
                  <a:gd name="connsiteX5" fmla="*/ 1309296 w 1612136"/>
                  <a:gd name="connsiteY5" fmla="*/ 1172717 h 3713732"/>
                  <a:gd name="connsiteX6" fmla="*/ 1280721 w 1612136"/>
                  <a:gd name="connsiteY6" fmla="*/ 3515867 h 3713732"/>
                  <a:gd name="connsiteX7" fmla="*/ 937821 w 1612136"/>
                  <a:gd name="connsiteY7" fmla="*/ 3487292 h 3713732"/>
                  <a:gd name="connsiteX8" fmla="*/ 952109 w 1612136"/>
                  <a:gd name="connsiteY8" fmla="*/ 2258567 h 3713732"/>
                  <a:gd name="connsiteX9" fmla="*/ 923533 w 1612136"/>
                  <a:gd name="connsiteY9" fmla="*/ 3558730 h 3713732"/>
                  <a:gd name="connsiteX10" fmla="*/ 594921 w 1612136"/>
                  <a:gd name="connsiteY10" fmla="*/ 3458717 h 3713732"/>
                  <a:gd name="connsiteX11" fmla="*/ 609208 w 1612136"/>
                  <a:gd name="connsiteY11" fmla="*/ 1229867 h 3713732"/>
                  <a:gd name="connsiteX12" fmla="*/ 9133 w 1612136"/>
                  <a:gd name="connsiteY12" fmla="*/ 158305 h 3713732"/>
                  <a:gd name="connsiteX13" fmla="*/ 294883 w 1612136"/>
                  <a:gd name="connsiteY13" fmla="*/ 86867 h 3713732"/>
                  <a:gd name="connsiteX14" fmla="*/ 756672 w 1612136"/>
                  <a:gd name="connsiteY14" fmla="*/ 885912 h 3713732"/>
                  <a:gd name="connsiteX0" fmla="*/ 752083 w 1618536"/>
                  <a:gd name="connsiteY0" fmla="*/ 872680 h 3713732"/>
                  <a:gd name="connsiteX1" fmla="*/ 1194996 w 1618536"/>
                  <a:gd name="connsiteY1" fmla="*/ 901254 h 3713732"/>
                  <a:gd name="connsiteX2" fmla="*/ 1608031 w 1618536"/>
                  <a:gd name="connsiteY2" fmla="*/ 1825548 h 3713732"/>
                  <a:gd name="connsiteX3" fmla="*/ 1404079 w 1618536"/>
                  <a:gd name="connsiteY3" fmla="*/ 2847304 h 3713732"/>
                  <a:gd name="connsiteX4" fmla="*/ 1358529 w 1618536"/>
                  <a:gd name="connsiteY4" fmla="*/ 1872299 h 3713732"/>
                  <a:gd name="connsiteX5" fmla="*/ 1309296 w 1618536"/>
                  <a:gd name="connsiteY5" fmla="*/ 1172717 h 3713732"/>
                  <a:gd name="connsiteX6" fmla="*/ 1280721 w 1618536"/>
                  <a:gd name="connsiteY6" fmla="*/ 3515867 h 3713732"/>
                  <a:gd name="connsiteX7" fmla="*/ 937821 w 1618536"/>
                  <a:gd name="connsiteY7" fmla="*/ 3487292 h 3713732"/>
                  <a:gd name="connsiteX8" fmla="*/ 952109 w 1618536"/>
                  <a:gd name="connsiteY8" fmla="*/ 2258567 h 3713732"/>
                  <a:gd name="connsiteX9" fmla="*/ 923533 w 1618536"/>
                  <a:gd name="connsiteY9" fmla="*/ 3558730 h 3713732"/>
                  <a:gd name="connsiteX10" fmla="*/ 594921 w 1618536"/>
                  <a:gd name="connsiteY10" fmla="*/ 3458717 h 3713732"/>
                  <a:gd name="connsiteX11" fmla="*/ 609208 w 1618536"/>
                  <a:gd name="connsiteY11" fmla="*/ 1229867 h 3713732"/>
                  <a:gd name="connsiteX12" fmla="*/ 9133 w 1618536"/>
                  <a:gd name="connsiteY12" fmla="*/ 158305 h 3713732"/>
                  <a:gd name="connsiteX13" fmla="*/ 294883 w 1618536"/>
                  <a:gd name="connsiteY13" fmla="*/ 86867 h 3713732"/>
                  <a:gd name="connsiteX14" fmla="*/ 756672 w 1618536"/>
                  <a:gd name="connsiteY14" fmla="*/ 885912 h 3713732"/>
                  <a:gd name="connsiteX0" fmla="*/ 752083 w 1618537"/>
                  <a:gd name="connsiteY0" fmla="*/ 872680 h 3713732"/>
                  <a:gd name="connsiteX1" fmla="*/ 1194996 w 1618537"/>
                  <a:gd name="connsiteY1" fmla="*/ 901254 h 3713732"/>
                  <a:gd name="connsiteX2" fmla="*/ 1608031 w 1618537"/>
                  <a:gd name="connsiteY2" fmla="*/ 1825548 h 3713732"/>
                  <a:gd name="connsiteX3" fmla="*/ 1404079 w 1618537"/>
                  <a:gd name="connsiteY3" fmla="*/ 2847304 h 3713732"/>
                  <a:gd name="connsiteX4" fmla="*/ 1358529 w 1618537"/>
                  <a:gd name="connsiteY4" fmla="*/ 1872299 h 3713732"/>
                  <a:gd name="connsiteX5" fmla="*/ 1295141 w 1618537"/>
                  <a:gd name="connsiteY5" fmla="*/ 1501130 h 3713732"/>
                  <a:gd name="connsiteX6" fmla="*/ 1280721 w 1618537"/>
                  <a:gd name="connsiteY6" fmla="*/ 3515867 h 3713732"/>
                  <a:gd name="connsiteX7" fmla="*/ 937821 w 1618537"/>
                  <a:gd name="connsiteY7" fmla="*/ 3487292 h 3713732"/>
                  <a:gd name="connsiteX8" fmla="*/ 952109 w 1618537"/>
                  <a:gd name="connsiteY8" fmla="*/ 2258567 h 3713732"/>
                  <a:gd name="connsiteX9" fmla="*/ 923533 w 1618537"/>
                  <a:gd name="connsiteY9" fmla="*/ 3558730 h 3713732"/>
                  <a:gd name="connsiteX10" fmla="*/ 594921 w 1618537"/>
                  <a:gd name="connsiteY10" fmla="*/ 3458717 h 3713732"/>
                  <a:gd name="connsiteX11" fmla="*/ 609208 w 1618537"/>
                  <a:gd name="connsiteY11" fmla="*/ 1229867 h 3713732"/>
                  <a:gd name="connsiteX12" fmla="*/ 9133 w 1618537"/>
                  <a:gd name="connsiteY12" fmla="*/ 158305 h 3713732"/>
                  <a:gd name="connsiteX13" fmla="*/ 294883 w 1618537"/>
                  <a:gd name="connsiteY13" fmla="*/ 86867 h 3713732"/>
                  <a:gd name="connsiteX14" fmla="*/ 756672 w 1618537"/>
                  <a:gd name="connsiteY14" fmla="*/ 885912 h 3713732"/>
                  <a:gd name="connsiteX0" fmla="*/ 752083 w 1611791"/>
                  <a:gd name="connsiteY0" fmla="*/ 872680 h 3713732"/>
                  <a:gd name="connsiteX1" fmla="*/ 1308237 w 1611791"/>
                  <a:gd name="connsiteY1" fmla="*/ 997846 h 3713732"/>
                  <a:gd name="connsiteX2" fmla="*/ 1608031 w 1611791"/>
                  <a:gd name="connsiteY2" fmla="*/ 1825548 h 3713732"/>
                  <a:gd name="connsiteX3" fmla="*/ 1404079 w 1611791"/>
                  <a:gd name="connsiteY3" fmla="*/ 2847304 h 3713732"/>
                  <a:gd name="connsiteX4" fmla="*/ 1358529 w 1611791"/>
                  <a:gd name="connsiteY4" fmla="*/ 1872299 h 3713732"/>
                  <a:gd name="connsiteX5" fmla="*/ 1295141 w 1611791"/>
                  <a:gd name="connsiteY5" fmla="*/ 1501130 h 3713732"/>
                  <a:gd name="connsiteX6" fmla="*/ 1280721 w 1611791"/>
                  <a:gd name="connsiteY6" fmla="*/ 3515867 h 3713732"/>
                  <a:gd name="connsiteX7" fmla="*/ 937821 w 1611791"/>
                  <a:gd name="connsiteY7" fmla="*/ 3487292 h 3713732"/>
                  <a:gd name="connsiteX8" fmla="*/ 952109 w 1611791"/>
                  <a:gd name="connsiteY8" fmla="*/ 2258567 h 3713732"/>
                  <a:gd name="connsiteX9" fmla="*/ 923533 w 1611791"/>
                  <a:gd name="connsiteY9" fmla="*/ 3558730 h 3713732"/>
                  <a:gd name="connsiteX10" fmla="*/ 594921 w 1611791"/>
                  <a:gd name="connsiteY10" fmla="*/ 3458717 h 3713732"/>
                  <a:gd name="connsiteX11" fmla="*/ 609208 w 1611791"/>
                  <a:gd name="connsiteY11" fmla="*/ 1229867 h 3713732"/>
                  <a:gd name="connsiteX12" fmla="*/ 9133 w 1611791"/>
                  <a:gd name="connsiteY12" fmla="*/ 158305 h 3713732"/>
                  <a:gd name="connsiteX13" fmla="*/ 294883 w 1611791"/>
                  <a:gd name="connsiteY13" fmla="*/ 86867 h 3713732"/>
                  <a:gd name="connsiteX14" fmla="*/ 756672 w 1611791"/>
                  <a:gd name="connsiteY14" fmla="*/ 885912 h 3713732"/>
                  <a:gd name="connsiteX0" fmla="*/ 497308 w 1357016"/>
                  <a:gd name="connsiteY0" fmla="*/ 790697 h 3631749"/>
                  <a:gd name="connsiteX1" fmla="*/ 1053462 w 1357016"/>
                  <a:gd name="connsiteY1" fmla="*/ 915863 h 3631749"/>
                  <a:gd name="connsiteX2" fmla="*/ 1353256 w 1357016"/>
                  <a:gd name="connsiteY2" fmla="*/ 1743565 h 3631749"/>
                  <a:gd name="connsiteX3" fmla="*/ 1149304 w 1357016"/>
                  <a:gd name="connsiteY3" fmla="*/ 2765321 h 3631749"/>
                  <a:gd name="connsiteX4" fmla="*/ 1103754 w 1357016"/>
                  <a:gd name="connsiteY4" fmla="*/ 1790316 h 3631749"/>
                  <a:gd name="connsiteX5" fmla="*/ 1040366 w 1357016"/>
                  <a:gd name="connsiteY5" fmla="*/ 1419147 h 3631749"/>
                  <a:gd name="connsiteX6" fmla="*/ 1025946 w 1357016"/>
                  <a:gd name="connsiteY6" fmla="*/ 3433884 h 3631749"/>
                  <a:gd name="connsiteX7" fmla="*/ 683046 w 1357016"/>
                  <a:gd name="connsiteY7" fmla="*/ 3405309 h 3631749"/>
                  <a:gd name="connsiteX8" fmla="*/ 697334 w 1357016"/>
                  <a:gd name="connsiteY8" fmla="*/ 2176584 h 3631749"/>
                  <a:gd name="connsiteX9" fmla="*/ 668758 w 1357016"/>
                  <a:gd name="connsiteY9" fmla="*/ 3476747 h 3631749"/>
                  <a:gd name="connsiteX10" fmla="*/ 340146 w 1357016"/>
                  <a:gd name="connsiteY10" fmla="*/ 3376734 h 3631749"/>
                  <a:gd name="connsiteX11" fmla="*/ 354433 w 1357016"/>
                  <a:gd name="connsiteY11" fmla="*/ 1147884 h 3631749"/>
                  <a:gd name="connsiteX12" fmla="*/ 277174 w 1357016"/>
                  <a:gd name="connsiteY12" fmla="*/ 2609775 h 3631749"/>
                  <a:gd name="connsiteX13" fmla="*/ 40108 w 1357016"/>
                  <a:gd name="connsiteY13" fmla="*/ 4884 h 3631749"/>
                  <a:gd name="connsiteX14" fmla="*/ 501897 w 1357016"/>
                  <a:gd name="connsiteY14" fmla="*/ 803929 h 3631749"/>
                  <a:gd name="connsiteX0" fmla="*/ 525893 w 1385601"/>
                  <a:gd name="connsiteY0" fmla="*/ 1 h 2841053"/>
                  <a:gd name="connsiteX1" fmla="*/ 1082047 w 1385601"/>
                  <a:gd name="connsiteY1" fmla="*/ 125167 h 2841053"/>
                  <a:gd name="connsiteX2" fmla="*/ 1381841 w 1385601"/>
                  <a:gd name="connsiteY2" fmla="*/ 952869 h 2841053"/>
                  <a:gd name="connsiteX3" fmla="*/ 1177889 w 1385601"/>
                  <a:gd name="connsiteY3" fmla="*/ 1974625 h 2841053"/>
                  <a:gd name="connsiteX4" fmla="*/ 1132339 w 1385601"/>
                  <a:gd name="connsiteY4" fmla="*/ 999620 h 2841053"/>
                  <a:gd name="connsiteX5" fmla="*/ 1068951 w 1385601"/>
                  <a:gd name="connsiteY5" fmla="*/ 628451 h 2841053"/>
                  <a:gd name="connsiteX6" fmla="*/ 1054531 w 1385601"/>
                  <a:gd name="connsiteY6" fmla="*/ 2643188 h 2841053"/>
                  <a:gd name="connsiteX7" fmla="*/ 711631 w 1385601"/>
                  <a:gd name="connsiteY7" fmla="*/ 2614613 h 2841053"/>
                  <a:gd name="connsiteX8" fmla="*/ 725919 w 1385601"/>
                  <a:gd name="connsiteY8" fmla="*/ 1385888 h 2841053"/>
                  <a:gd name="connsiteX9" fmla="*/ 697343 w 1385601"/>
                  <a:gd name="connsiteY9" fmla="*/ 2686051 h 2841053"/>
                  <a:gd name="connsiteX10" fmla="*/ 368731 w 1385601"/>
                  <a:gd name="connsiteY10" fmla="*/ 2586038 h 2841053"/>
                  <a:gd name="connsiteX11" fmla="*/ 383018 w 1385601"/>
                  <a:gd name="connsiteY11" fmla="*/ 357188 h 2841053"/>
                  <a:gd name="connsiteX12" fmla="*/ 305759 w 1385601"/>
                  <a:gd name="connsiteY12" fmla="*/ 1819079 h 2841053"/>
                  <a:gd name="connsiteX13" fmla="*/ 37938 w 1385601"/>
                  <a:gd name="connsiteY13" fmla="*/ 93143 h 2841053"/>
                  <a:gd name="connsiteX14" fmla="*/ 530482 w 1385601"/>
                  <a:gd name="connsiteY14" fmla="*/ 13233 h 2841053"/>
                  <a:gd name="connsiteX0" fmla="*/ 413356 w 1273064"/>
                  <a:gd name="connsiteY0" fmla="*/ 1 h 2841053"/>
                  <a:gd name="connsiteX1" fmla="*/ 969510 w 1273064"/>
                  <a:gd name="connsiteY1" fmla="*/ 125167 h 2841053"/>
                  <a:gd name="connsiteX2" fmla="*/ 1269304 w 1273064"/>
                  <a:gd name="connsiteY2" fmla="*/ 952869 h 2841053"/>
                  <a:gd name="connsiteX3" fmla="*/ 1065352 w 1273064"/>
                  <a:gd name="connsiteY3" fmla="*/ 1974625 h 2841053"/>
                  <a:gd name="connsiteX4" fmla="*/ 1019802 w 1273064"/>
                  <a:gd name="connsiteY4" fmla="*/ 999620 h 2841053"/>
                  <a:gd name="connsiteX5" fmla="*/ 956414 w 1273064"/>
                  <a:gd name="connsiteY5" fmla="*/ 628451 h 2841053"/>
                  <a:gd name="connsiteX6" fmla="*/ 941994 w 1273064"/>
                  <a:gd name="connsiteY6" fmla="*/ 2643188 h 2841053"/>
                  <a:gd name="connsiteX7" fmla="*/ 599094 w 1273064"/>
                  <a:gd name="connsiteY7" fmla="*/ 2614613 h 2841053"/>
                  <a:gd name="connsiteX8" fmla="*/ 613382 w 1273064"/>
                  <a:gd name="connsiteY8" fmla="*/ 1385888 h 2841053"/>
                  <a:gd name="connsiteX9" fmla="*/ 584806 w 1273064"/>
                  <a:gd name="connsiteY9" fmla="*/ 2686051 h 2841053"/>
                  <a:gd name="connsiteX10" fmla="*/ 256194 w 1273064"/>
                  <a:gd name="connsiteY10" fmla="*/ 2586038 h 2841053"/>
                  <a:gd name="connsiteX11" fmla="*/ 270481 w 1273064"/>
                  <a:gd name="connsiteY11" fmla="*/ 357188 h 2841053"/>
                  <a:gd name="connsiteX12" fmla="*/ 193222 w 1273064"/>
                  <a:gd name="connsiteY12" fmla="*/ 1819079 h 2841053"/>
                  <a:gd name="connsiteX13" fmla="*/ 48417 w 1273064"/>
                  <a:gd name="connsiteY13" fmla="*/ 299955 h 2841053"/>
                  <a:gd name="connsiteX14" fmla="*/ 417945 w 1273064"/>
                  <a:gd name="connsiteY14" fmla="*/ 13233 h 2841053"/>
                  <a:gd name="connsiteX0" fmla="*/ 464874 w 1324582"/>
                  <a:gd name="connsiteY0" fmla="*/ 1 h 2841053"/>
                  <a:gd name="connsiteX1" fmla="*/ 1021028 w 1324582"/>
                  <a:gd name="connsiteY1" fmla="*/ 125167 h 2841053"/>
                  <a:gd name="connsiteX2" fmla="*/ 1320822 w 1324582"/>
                  <a:gd name="connsiteY2" fmla="*/ 952869 h 2841053"/>
                  <a:gd name="connsiteX3" fmla="*/ 1116870 w 1324582"/>
                  <a:gd name="connsiteY3" fmla="*/ 1974625 h 2841053"/>
                  <a:gd name="connsiteX4" fmla="*/ 1071320 w 1324582"/>
                  <a:gd name="connsiteY4" fmla="*/ 999620 h 2841053"/>
                  <a:gd name="connsiteX5" fmla="*/ 1007932 w 1324582"/>
                  <a:gd name="connsiteY5" fmla="*/ 628451 h 2841053"/>
                  <a:gd name="connsiteX6" fmla="*/ 993512 w 1324582"/>
                  <a:gd name="connsiteY6" fmla="*/ 2643188 h 2841053"/>
                  <a:gd name="connsiteX7" fmla="*/ 650612 w 1324582"/>
                  <a:gd name="connsiteY7" fmla="*/ 2614613 h 2841053"/>
                  <a:gd name="connsiteX8" fmla="*/ 664900 w 1324582"/>
                  <a:gd name="connsiteY8" fmla="*/ 1385888 h 2841053"/>
                  <a:gd name="connsiteX9" fmla="*/ 636324 w 1324582"/>
                  <a:gd name="connsiteY9" fmla="*/ 2686051 h 2841053"/>
                  <a:gd name="connsiteX10" fmla="*/ 307712 w 1324582"/>
                  <a:gd name="connsiteY10" fmla="*/ 2586038 h 2841053"/>
                  <a:gd name="connsiteX11" fmla="*/ 321999 w 1324582"/>
                  <a:gd name="connsiteY11" fmla="*/ 357188 h 2841053"/>
                  <a:gd name="connsiteX12" fmla="*/ 244740 w 1324582"/>
                  <a:gd name="connsiteY12" fmla="*/ 1819079 h 2841053"/>
                  <a:gd name="connsiteX13" fmla="*/ 99935 w 1324582"/>
                  <a:gd name="connsiteY13" fmla="*/ 299955 h 2841053"/>
                  <a:gd name="connsiteX14" fmla="*/ 469463 w 1324582"/>
                  <a:gd name="connsiteY14" fmla="*/ 13233 h 2841053"/>
                  <a:gd name="connsiteX0" fmla="*/ 464874 w 1324582"/>
                  <a:gd name="connsiteY0" fmla="*/ 49223 h 2890275"/>
                  <a:gd name="connsiteX1" fmla="*/ 1021028 w 1324582"/>
                  <a:gd name="connsiteY1" fmla="*/ 174389 h 2890275"/>
                  <a:gd name="connsiteX2" fmla="*/ 1320822 w 1324582"/>
                  <a:gd name="connsiteY2" fmla="*/ 1002091 h 2890275"/>
                  <a:gd name="connsiteX3" fmla="*/ 1116870 w 1324582"/>
                  <a:gd name="connsiteY3" fmla="*/ 2023847 h 2890275"/>
                  <a:gd name="connsiteX4" fmla="*/ 1071320 w 1324582"/>
                  <a:gd name="connsiteY4" fmla="*/ 1048842 h 2890275"/>
                  <a:gd name="connsiteX5" fmla="*/ 1007932 w 1324582"/>
                  <a:gd name="connsiteY5" fmla="*/ 677673 h 2890275"/>
                  <a:gd name="connsiteX6" fmla="*/ 993512 w 1324582"/>
                  <a:gd name="connsiteY6" fmla="*/ 2692410 h 2890275"/>
                  <a:gd name="connsiteX7" fmla="*/ 650612 w 1324582"/>
                  <a:gd name="connsiteY7" fmla="*/ 2663835 h 2890275"/>
                  <a:gd name="connsiteX8" fmla="*/ 664900 w 1324582"/>
                  <a:gd name="connsiteY8" fmla="*/ 1435110 h 2890275"/>
                  <a:gd name="connsiteX9" fmla="*/ 636324 w 1324582"/>
                  <a:gd name="connsiteY9" fmla="*/ 2735273 h 2890275"/>
                  <a:gd name="connsiteX10" fmla="*/ 307712 w 1324582"/>
                  <a:gd name="connsiteY10" fmla="*/ 2635260 h 2890275"/>
                  <a:gd name="connsiteX11" fmla="*/ 321999 w 1324582"/>
                  <a:gd name="connsiteY11" fmla="*/ 406410 h 2890275"/>
                  <a:gd name="connsiteX12" fmla="*/ 244740 w 1324582"/>
                  <a:gd name="connsiteY12" fmla="*/ 1868301 h 2890275"/>
                  <a:gd name="connsiteX13" fmla="*/ 99935 w 1324582"/>
                  <a:gd name="connsiteY13" fmla="*/ 349177 h 2890275"/>
                  <a:gd name="connsiteX14" fmla="*/ 469463 w 1324582"/>
                  <a:gd name="connsiteY14" fmla="*/ 62455 h 2890275"/>
                  <a:gd name="connsiteX0" fmla="*/ 389388 w 1249096"/>
                  <a:gd name="connsiteY0" fmla="*/ 49223 h 2890275"/>
                  <a:gd name="connsiteX1" fmla="*/ 945542 w 1249096"/>
                  <a:gd name="connsiteY1" fmla="*/ 174389 h 2890275"/>
                  <a:gd name="connsiteX2" fmla="*/ 1245336 w 1249096"/>
                  <a:gd name="connsiteY2" fmla="*/ 1002091 h 2890275"/>
                  <a:gd name="connsiteX3" fmla="*/ 1041384 w 1249096"/>
                  <a:gd name="connsiteY3" fmla="*/ 2023847 h 2890275"/>
                  <a:gd name="connsiteX4" fmla="*/ 995834 w 1249096"/>
                  <a:gd name="connsiteY4" fmla="*/ 1048842 h 2890275"/>
                  <a:gd name="connsiteX5" fmla="*/ 932446 w 1249096"/>
                  <a:gd name="connsiteY5" fmla="*/ 677673 h 2890275"/>
                  <a:gd name="connsiteX6" fmla="*/ 918026 w 1249096"/>
                  <a:gd name="connsiteY6" fmla="*/ 2692410 h 2890275"/>
                  <a:gd name="connsiteX7" fmla="*/ 575126 w 1249096"/>
                  <a:gd name="connsiteY7" fmla="*/ 2663835 h 2890275"/>
                  <a:gd name="connsiteX8" fmla="*/ 589414 w 1249096"/>
                  <a:gd name="connsiteY8" fmla="*/ 1435110 h 2890275"/>
                  <a:gd name="connsiteX9" fmla="*/ 560838 w 1249096"/>
                  <a:gd name="connsiteY9" fmla="*/ 2735273 h 2890275"/>
                  <a:gd name="connsiteX10" fmla="*/ 232226 w 1249096"/>
                  <a:gd name="connsiteY10" fmla="*/ 2635260 h 2890275"/>
                  <a:gd name="connsiteX11" fmla="*/ 246513 w 1249096"/>
                  <a:gd name="connsiteY11" fmla="*/ 406410 h 2890275"/>
                  <a:gd name="connsiteX12" fmla="*/ 169254 w 1249096"/>
                  <a:gd name="connsiteY12" fmla="*/ 1868301 h 2890275"/>
                  <a:gd name="connsiteX13" fmla="*/ 24449 w 1249096"/>
                  <a:gd name="connsiteY13" fmla="*/ 349177 h 2890275"/>
                  <a:gd name="connsiteX14" fmla="*/ 393977 w 1249096"/>
                  <a:gd name="connsiteY14" fmla="*/ 62455 h 2890275"/>
                  <a:gd name="connsiteX0" fmla="*/ 388964 w 1248672"/>
                  <a:gd name="connsiteY0" fmla="*/ 49223 h 2893271"/>
                  <a:gd name="connsiteX1" fmla="*/ 945118 w 1248672"/>
                  <a:gd name="connsiteY1" fmla="*/ 174389 h 2893271"/>
                  <a:gd name="connsiteX2" fmla="*/ 1244912 w 1248672"/>
                  <a:gd name="connsiteY2" fmla="*/ 1002091 h 2893271"/>
                  <a:gd name="connsiteX3" fmla="*/ 1040960 w 1248672"/>
                  <a:gd name="connsiteY3" fmla="*/ 2023847 h 2893271"/>
                  <a:gd name="connsiteX4" fmla="*/ 995410 w 1248672"/>
                  <a:gd name="connsiteY4" fmla="*/ 1048842 h 2893271"/>
                  <a:gd name="connsiteX5" fmla="*/ 932022 w 1248672"/>
                  <a:gd name="connsiteY5" fmla="*/ 677673 h 2893271"/>
                  <a:gd name="connsiteX6" fmla="*/ 917602 w 1248672"/>
                  <a:gd name="connsiteY6" fmla="*/ 2692410 h 2893271"/>
                  <a:gd name="connsiteX7" fmla="*/ 574702 w 1248672"/>
                  <a:gd name="connsiteY7" fmla="*/ 2663835 h 2893271"/>
                  <a:gd name="connsiteX8" fmla="*/ 588990 w 1248672"/>
                  <a:gd name="connsiteY8" fmla="*/ 1435110 h 2893271"/>
                  <a:gd name="connsiteX9" fmla="*/ 560414 w 1248672"/>
                  <a:gd name="connsiteY9" fmla="*/ 2735273 h 2893271"/>
                  <a:gd name="connsiteX10" fmla="*/ 231802 w 1248672"/>
                  <a:gd name="connsiteY10" fmla="*/ 2635260 h 2893271"/>
                  <a:gd name="connsiteX11" fmla="*/ 215335 w 1248672"/>
                  <a:gd name="connsiteY11" fmla="*/ 613221 h 2893271"/>
                  <a:gd name="connsiteX12" fmla="*/ 168830 w 1248672"/>
                  <a:gd name="connsiteY12" fmla="*/ 1868301 h 2893271"/>
                  <a:gd name="connsiteX13" fmla="*/ 24025 w 1248672"/>
                  <a:gd name="connsiteY13" fmla="*/ 349177 h 2893271"/>
                  <a:gd name="connsiteX14" fmla="*/ 393553 w 1248672"/>
                  <a:gd name="connsiteY14" fmla="*/ 62455 h 2893271"/>
                  <a:gd name="connsiteX0" fmla="*/ 386611 w 1246319"/>
                  <a:gd name="connsiteY0" fmla="*/ 49223 h 2893271"/>
                  <a:gd name="connsiteX1" fmla="*/ 942765 w 1246319"/>
                  <a:gd name="connsiteY1" fmla="*/ 174389 h 2893271"/>
                  <a:gd name="connsiteX2" fmla="*/ 1242559 w 1246319"/>
                  <a:gd name="connsiteY2" fmla="*/ 1002091 h 2893271"/>
                  <a:gd name="connsiteX3" fmla="*/ 1038607 w 1246319"/>
                  <a:gd name="connsiteY3" fmla="*/ 2023847 h 2893271"/>
                  <a:gd name="connsiteX4" fmla="*/ 993057 w 1246319"/>
                  <a:gd name="connsiteY4" fmla="*/ 1048842 h 2893271"/>
                  <a:gd name="connsiteX5" fmla="*/ 929669 w 1246319"/>
                  <a:gd name="connsiteY5" fmla="*/ 677673 h 2893271"/>
                  <a:gd name="connsiteX6" fmla="*/ 915249 w 1246319"/>
                  <a:gd name="connsiteY6" fmla="*/ 2692410 h 2893271"/>
                  <a:gd name="connsiteX7" fmla="*/ 572349 w 1246319"/>
                  <a:gd name="connsiteY7" fmla="*/ 2663835 h 2893271"/>
                  <a:gd name="connsiteX8" fmla="*/ 586637 w 1246319"/>
                  <a:gd name="connsiteY8" fmla="*/ 1435110 h 2893271"/>
                  <a:gd name="connsiteX9" fmla="*/ 558061 w 1246319"/>
                  <a:gd name="connsiteY9" fmla="*/ 2735273 h 2893271"/>
                  <a:gd name="connsiteX10" fmla="*/ 229449 w 1246319"/>
                  <a:gd name="connsiteY10" fmla="*/ 2635260 h 2893271"/>
                  <a:gd name="connsiteX11" fmla="*/ 212982 w 1246319"/>
                  <a:gd name="connsiteY11" fmla="*/ 613221 h 2893271"/>
                  <a:gd name="connsiteX12" fmla="*/ 22147 w 1246319"/>
                  <a:gd name="connsiteY12" fmla="*/ 1246923 h 2893271"/>
                  <a:gd name="connsiteX13" fmla="*/ 166477 w 1246319"/>
                  <a:gd name="connsiteY13" fmla="*/ 1868301 h 2893271"/>
                  <a:gd name="connsiteX14" fmla="*/ 21672 w 1246319"/>
                  <a:gd name="connsiteY14" fmla="*/ 349177 h 2893271"/>
                  <a:gd name="connsiteX15" fmla="*/ 391200 w 1246319"/>
                  <a:gd name="connsiteY15" fmla="*/ 62455 h 2893271"/>
                  <a:gd name="connsiteX0" fmla="*/ 386611 w 1246319"/>
                  <a:gd name="connsiteY0" fmla="*/ 49223 h 2886157"/>
                  <a:gd name="connsiteX1" fmla="*/ 942765 w 1246319"/>
                  <a:gd name="connsiteY1" fmla="*/ 174389 h 2886157"/>
                  <a:gd name="connsiteX2" fmla="*/ 1242559 w 1246319"/>
                  <a:gd name="connsiteY2" fmla="*/ 1002091 h 2886157"/>
                  <a:gd name="connsiteX3" fmla="*/ 1038607 w 1246319"/>
                  <a:gd name="connsiteY3" fmla="*/ 2023847 h 2886157"/>
                  <a:gd name="connsiteX4" fmla="*/ 993057 w 1246319"/>
                  <a:gd name="connsiteY4" fmla="*/ 1048842 h 2886157"/>
                  <a:gd name="connsiteX5" fmla="*/ 929669 w 1246319"/>
                  <a:gd name="connsiteY5" fmla="*/ 677673 h 2886157"/>
                  <a:gd name="connsiteX6" fmla="*/ 915249 w 1246319"/>
                  <a:gd name="connsiteY6" fmla="*/ 2692410 h 2886157"/>
                  <a:gd name="connsiteX7" fmla="*/ 572349 w 1246319"/>
                  <a:gd name="connsiteY7" fmla="*/ 2663835 h 2886157"/>
                  <a:gd name="connsiteX8" fmla="*/ 586637 w 1246319"/>
                  <a:gd name="connsiteY8" fmla="*/ 1435110 h 2886157"/>
                  <a:gd name="connsiteX9" fmla="*/ 558061 w 1246319"/>
                  <a:gd name="connsiteY9" fmla="*/ 2735273 h 2886157"/>
                  <a:gd name="connsiteX10" fmla="*/ 229449 w 1246319"/>
                  <a:gd name="connsiteY10" fmla="*/ 2635260 h 2886157"/>
                  <a:gd name="connsiteX11" fmla="*/ 206669 w 1246319"/>
                  <a:gd name="connsiteY11" fmla="*/ 1350329 h 2886157"/>
                  <a:gd name="connsiteX12" fmla="*/ 212982 w 1246319"/>
                  <a:gd name="connsiteY12" fmla="*/ 613221 h 2886157"/>
                  <a:gd name="connsiteX13" fmla="*/ 22147 w 1246319"/>
                  <a:gd name="connsiteY13" fmla="*/ 1246923 h 2886157"/>
                  <a:gd name="connsiteX14" fmla="*/ 166477 w 1246319"/>
                  <a:gd name="connsiteY14" fmla="*/ 1868301 h 2886157"/>
                  <a:gd name="connsiteX15" fmla="*/ 21672 w 1246319"/>
                  <a:gd name="connsiteY15" fmla="*/ 349177 h 2886157"/>
                  <a:gd name="connsiteX16" fmla="*/ 391200 w 1246319"/>
                  <a:gd name="connsiteY16" fmla="*/ 62455 h 2886157"/>
                  <a:gd name="connsiteX0" fmla="*/ 387919 w 1247627"/>
                  <a:gd name="connsiteY0" fmla="*/ 49223 h 2886155"/>
                  <a:gd name="connsiteX1" fmla="*/ 944073 w 1247627"/>
                  <a:gd name="connsiteY1" fmla="*/ 174389 h 2886155"/>
                  <a:gd name="connsiteX2" fmla="*/ 1243867 w 1247627"/>
                  <a:gd name="connsiteY2" fmla="*/ 1002091 h 2886155"/>
                  <a:gd name="connsiteX3" fmla="*/ 1039915 w 1247627"/>
                  <a:gd name="connsiteY3" fmla="*/ 2023847 h 2886155"/>
                  <a:gd name="connsiteX4" fmla="*/ 994365 w 1247627"/>
                  <a:gd name="connsiteY4" fmla="*/ 1048842 h 2886155"/>
                  <a:gd name="connsiteX5" fmla="*/ 930977 w 1247627"/>
                  <a:gd name="connsiteY5" fmla="*/ 677673 h 2886155"/>
                  <a:gd name="connsiteX6" fmla="*/ 916557 w 1247627"/>
                  <a:gd name="connsiteY6" fmla="*/ 2692410 h 2886155"/>
                  <a:gd name="connsiteX7" fmla="*/ 573657 w 1247627"/>
                  <a:gd name="connsiteY7" fmla="*/ 2663835 h 2886155"/>
                  <a:gd name="connsiteX8" fmla="*/ 587945 w 1247627"/>
                  <a:gd name="connsiteY8" fmla="*/ 1435110 h 2886155"/>
                  <a:gd name="connsiteX9" fmla="*/ 559369 w 1247627"/>
                  <a:gd name="connsiteY9" fmla="*/ 2735273 h 2886155"/>
                  <a:gd name="connsiteX10" fmla="*/ 230757 w 1247627"/>
                  <a:gd name="connsiteY10" fmla="*/ 2635260 h 2886155"/>
                  <a:gd name="connsiteX11" fmla="*/ 207977 w 1247627"/>
                  <a:gd name="connsiteY11" fmla="*/ 1350329 h 2886155"/>
                  <a:gd name="connsiteX12" fmla="*/ 214290 w 1247627"/>
                  <a:gd name="connsiteY12" fmla="*/ 613221 h 2886155"/>
                  <a:gd name="connsiteX13" fmla="*/ 134011 w 1247627"/>
                  <a:gd name="connsiteY13" fmla="*/ 1216003 h 2886155"/>
                  <a:gd name="connsiteX14" fmla="*/ 167785 w 1247627"/>
                  <a:gd name="connsiteY14" fmla="*/ 1868301 h 2886155"/>
                  <a:gd name="connsiteX15" fmla="*/ 22980 w 1247627"/>
                  <a:gd name="connsiteY15" fmla="*/ 349177 h 2886155"/>
                  <a:gd name="connsiteX16" fmla="*/ 392508 w 1247627"/>
                  <a:gd name="connsiteY16" fmla="*/ 62455 h 2886155"/>
                  <a:gd name="connsiteX0" fmla="*/ 382115 w 1241823"/>
                  <a:gd name="connsiteY0" fmla="*/ 49223 h 2886155"/>
                  <a:gd name="connsiteX1" fmla="*/ 938269 w 1241823"/>
                  <a:gd name="connsiteY1" fmla="*/ 174389 h 2886155"/>
                  <a:gd name="connsiteX2" fmla="*/ 1238063 w 1241823"/>
                  <a:gd name="connsiteY2" fmla="*/ 1002091 h 2886155"/>
                  <a:gd name="connsiteX3" fmla="*/ 1034111 w 1241823"/>
                  <a:gd name="connsiteY3" fmla="*/ 2023847 h 2886155"/>
                  <a:gd name="connsiteX4" fmla="*/ 988561 w 1241823"/>
                  <a:gd name="connsiteY4" fmla="*/ 1048842 h 2886155"/>
                  <a:gd name="connsiteX5" fmla="*/ 925173 w 1241823"/>
                  <a:gd name="connsiteY5" fmla="*/ 677673 h 2886155"/>
                  <a:gd name="connsiteX6" fmla="*/ 910753 w 1241823"/>
                  <a:gd name="connsiteY6" fmla="*/ 2692410 h 2886155"/>
                  <a:gd name="connsiteX7" fmla="*/ 567853 w 1241823"/>
                  <a:gd name="connsiteY7" fmla="*/ 2663835 h 2886155"/>
                  <a:gd name="connsiteX8" fmla="*/ 582141 w 1241823"/>
                  <a:gd name="connsiteY8" fmla="*/ 1435110 h 2886155"/>
                  <a:gd name="connsiteX9" fmla="*/ 553565 w 1241823"/>
                  <a:gd name="connsiteY9" fmla="*/ 2735273 h 2886155"/>
                  <a:gd name="connsiteX10" fmla="*/ 224953 w 1241823"/>
                  <a:gd name="connsiteY10" fmla="*/ 2635260 h 2886155"/>
                  <a:gd name="connsiteX11" fmla="*/ 202173 w 1241823"/>
                  <a:gd name="connsiteY11" fmla="*/ 1350329 h 2886155"/>
                  <a:gd name="connsiteX12" fmla="*/ 208486 w 1241823"/>
                  <a:gd name="connsiteY12" fmla="*/ 613221 h 2886155"/>
                  <a:gd name="connsiteX13" fmla="*/ 128207 w 1241823"/>
                  <a:gd name="connsiteY13" fmla="*/ 1216003 h 2886155"/>
                  <a:gd name="connsiteX14" fmla="*/ 161981 w 1241823"/>
                  <a:gd name="connsiteY14" fmla="*/ 1868301 h 2886155"/>
                  <a:gd name="connsiteX15" fmla="*/ 17176 w 1241823"/>
                  <a:gd name="connsiteY15" fmla="*/ 349177 h 2886155"/>
                  <a:gd name="connsiteX16" fmla="*/ 386704 w 1241823"/>
                  <a:gd name="connsiteY16" fmla="*/ 62455 h 2886155"/>
                  <a:gd name="connsiteX0" fmla="*/ 391904 w 1251612"/>
                  <a:gd name="connsiteY0" fmla="*/ 49223 h 2886155"/>
                  <a:gd name="connsiteX1" fmla="*/ 948058 w 1251612"/>
                  <a:gd name="connsiteY1" fmla="*/ 174389 h 2886155"/>
                  <a:gd name="connsiteX2" fmla="*/ 1247852 w 1251612"/>
                  <a:gd name="connsiteY2" fmla="*/ 1002091 h 2886155"/>
                  <a:gd name="connsiteX3" fmla="*/ 1043900 w 1251612"/>
                  <a:gd name="connsiteY3" fmla="*/ 2023847 h 2886155"/>
                  <a:gd name="connsiteX4" fmla="*/ 998350 w 1251612"/>
                  <a:gd name="connsiteY4" fmla="*/ 1048842 h 2886155"/>
                  <a:gd name="connsiteX5" fmla="*/ 934962 w 1251612"/>
                  <a:gd name="connsiteY5" fmla="*/ 677673 h 2886155"/>
                  <a:gd name="connsiteX6" fmla="*/ 920542 w 1251612"/>
                  <a:gd name="connsiteY6" fmla="*/ 2692410 h 2886155"/>
                  <a:gd name="connsiteX7" fmla="*/ 577642 w 1251612"/>
                  <a:gd name="connsiteY7" fmla="*/ 2663835 h 2886155"/>
                  <a:gd name="connsiteX8" fmla="*/ 591930 w 1251612"/>
                  <a:gd name="connsiteY8" fmla="*/ 1435110 h 2886155"/>
                  <a:gd name="connsiteX9" fmla="*/ 563354 w 1251612"/>
                  <a:gd name="connsiteY9" fmla="*/ 2735273 h 2886155"/>
                  <a:gd name="connsiteX10" fmla="*/ 234742 w 1251612"/>
                  <a:gd name="connsiteY10" fmla="*/ 2635260 h 2886155"/>
                  <a:gd name="connsiteX11" fmla="*/ 211962 w 1251612"/>
                  <a:gd name="connsiteY11" fmla="*/ 1350329 h 2886155"/>
                  <a:gd name="connsiteX12" fmla="*/ 218275 w 1251612"/>
                  <a:gd name="connsiteY12" fmla="*/ 613221 h 2886155"/>
                  <a:gd name="connsiteX13" fmla="*/ 137996 w 1251612"/>
                  <a:gd name="connsiteY13" fmla="*/ 1216003 h 2886155"/>
                  <a:gd name="connsiteX14" fmla="*/ 171770 w 1251612"/>
                  <a:gd name="connsiteY14" fmla="*/ 1868301 h 2886155"/>
                  <a:gd name="connsiteX15" fmla="*/ 26965 w 1251612"/>
                  <a:gd name="connsiteY15" fmla="*/ 349177 h 2886155"/>
                  <a:gd name="connsiteX16" fmla="*/ 396493 w 1251612"/>
                  <a:gd name="connsiteY16" fmla="*/ 62455 h 2886155"/>
                  <a:gd name="connsiteX0" fmla="*/ 391904 w 1251612"/>
                  <a:gd name="connsiteY0" fmla="*/ 34146 h 2871078"/>
                  <a:gd name="connsiteX1" fmla="*/ 948058 w 1251612"/>
                  <a:gd name="connsiteY1" fmla="*/ 159312 h 2871078"/>
                  <a:gd name="connsiteX2" fmla="*/ 1247852 w 1251612"/>
                  <a:gd name="connsiteY2" fmla="*/ 987014 h 2871078"/>
                  <a:gd name="connsiteX3" fmla="*/ 1043900 w 1251612"/>
                  <a:gd name="connsiteY3" fmla="*/ 2008770 h 2871078"/>
                  <a:gd name="connsiteX4" fmla="*/ 998350 w 1251612"/>
                  <a:gd name="connsiteY4" fmla="*/ 1033765 h 2871078"/>
                  <a:gd name="connsiteX5" fmla="*/ 934962 w 1251612"/>
                  <a:gd name="connsiteY5" fmla="*/ 662596 h 2871078"/>
                  <a:gd name="connsiteX6" fmla="*/ 920542 w 1251612"/>
                  <a:gd name="connsiteY6" fmla="*/ 2677333 h 2871078"/>
                  <a:gd name="connsiteX7" fmla="*/ 577642 w 1251612"/>
                  <a:gd name="connsiteY7" fmla="*/ 2648758 h 2871078"/>
                  <a:gd name="connsiteX8" fmla="*/ 591930 w 1251612"/>
                  <a:gd name="connsiteY8" fmla="*/ 1420033 h 2871078"/>
                  <a:gd name="connsiteX9" fmla="*/ 563354 w 1251612"/>
                  <a:gd name="connsiteY9" fmla="*/ 2720196 h 2871078"/>
                  <a:gd name="connsiteX10" fmla="*/ 234742 w 1251612"/>
                  <a:gd name="connsiteY10" fmla="*/ 2620183 h 2871078"/>
                  <a:gd name="connsiteX11" fmla="*/ 211962 w 1251612"/>
                  <a:gd name="connsiteY11" fmla="*/ 1335252 h 2871078"/>
                  <a:gd name="connsiteX12" fmla="*/ 218275 w 1251612"/>
                  <a:gd name="connsiteY12" fmla="*/ 598144 h 2871078"/>
                  <a:gd name="connsiteX13" fmla="*/ 137996 w 1251612"/>
                  <a:gd name="connsiteY13" fmla="*/ 1200926 h 2871078"/>
                  <a:gd name="connsiteX14" fmla="*/ 171770 w 1251612"/>
                  <a:gd name="connsiteY14" fmla="*/ 1853224 h 2871078"/>
                  <a:gd name="connsiteX15" fmla="*/ 26965 w 1251612"/>
                  <a:gd name="connsiteY15" fmla="*/ 334100 h 2871078"/>
                  <a:gd name="connsiteX16" fmla="*/ 295150 w 1251612"/>
                  <a:gd name="connsiteY16" fmla="*/ 78298 h 2871078"/>
                  <a:gd name="connsiteX0" fmla="*/ 413828 w 1273536"/>
                  <a:gd name="connsiteY0" fmla="*/ 1 h 2836933"/>
                  <a:gd name="connsiteX1" fmla="*/ 969982 w 1273536"/>
                  <a:gd name="connsiteY1" fmla="*/ 125167 h 2836933"/>
                  <a:gd name="connsiteX2" fmla="*/ 1269776 w 1273536"/>
                  <a:gd name="connsiteY2" fmla="*/ 952869 h 2836933"/>
                  <a:gd name="connsiteX3" fmla="*/ 1065824 w 1273536"/>
                  <a:gd name="connsiteY3" fmla="*/ 1974625 h 2836933"/>
                  <a:gd name="connsiteX4" fmla="*/ 1020274 w 1273536"/>
                  <a:gd name="connsiteY4" fmla="*/ 999620 h 2836933"/>
                  <a:gd name="connsiteX5" fmla="*/ 956886 w 1273536"/>
                  <a:gd name="connsiteY5" fmla="*/ 628451 h 2836933"/>
                  <a:gd name="connsiteX6" fmla="*/ 942466 w 1273536"/>
                  <a:gd name="connsiteY6" fmla="*/ 2643188 h 2836933"/>
                  <a:gd name="connsiteX7" fmla="*/ 599566 w 1273536"/>
                  <a:gd name="connsiteY7" fmla="*/ 2614613 h 2836933"/>
                  <a:gd name="connsiteX8" fmla="*/ 613854 w 1273536"/>
                  <a:gd name="connsiteY8" fmla="*/ 1385888 h 2836933"/>
                  <a:gd name="connsiteX9" fmla="*/ 585278 w 1273536"/>
                  <a:gd name="connsiteY9" fmla="*/ 2686051 h 2836933"/>
                  <a:gd name="connsiteX10" fmla="*/ 256666 w 1273536"/>
                  <a:gd name="connsiteY10" fmla="*/ 2586038 h 2836933"/>
                  <a:gd name="connsiteX11" fmla="*/ 233886 w 1273536"/>
                  <a:gd name="connsiteY11" fmla="*/ 1301107 h 2836933"/>
                  <a:gd name="connsiteX12" fmla="*/ 240199 w 1273536"/>
                  <a:gd name="connsiteY12" fmla="*/ 563999 h 2836933"/>
                  <a:gd name="connsiteX13" fmla="*/ 159920 w 1273536"/>
                  <a:gd name="connsiteY13" fmla="*/ 1166781 h 2836933"/>
                  <a:gd name="connsiteX14" fmla="*/ 193694 w 1273536"/>
                  <a:gd name="connsiteY14" fmla="*/ 1819079 h 2836933"/>
                  <a:gd name="connsiteX15" fmla="*/ 21250 w 1273536"/>
                  <a:gd name="connsiteY15" fmla="*/ 701911 h 2836933"/>
                  <a:gd name="connsiteX16" fmla="*/ 317074 w 1273536"/>
                  <a:gd name="connsiteY16" fmla="*/ 44153 h 2836933"/>
                  <a:gd name="connsiteX0" fmla="*/ 394153 w 1253861"/>
                  <a:gd name="connsiteY0" fmla="*/ 1 h 2836933"/>
                  <a:gd name="connsiteX1" fmla="*/ 950307 w 1253861"/>
                  <a:gd name="connsiteY1" fmla="*/ 125167 h 2836933"/>
                  <a:gd name="connsiteX2" fmla="*/ 1250101 w 1253861"/>
                  <a:gd name="connsiteY2" fmla="*/ 952869 h 2836933"/>
                  <a:gd name="connsiteX3" fmla="*/ 1046149 w 1253861"/>
                  <a:gd name="connsiteY3" fmla="*/ 1974625 h 2836933"/>
                  <a:gd name="connsiteX4" fmla="*/ 1000599 w 1253861"/>
                  <a:gd name="connsiteY4" fmla="*/ 999620 h 2836933"/>
                  <a:gd name="connsiteX5" fmla="*/ 937211 w 1253861"/>
                  <a:gd name="connsiteY5" fmla="*/ 628451 h 2836933"/>
                  <a:gd name="connsiteX6" fmla="*/ 922791 w 1253861"/>
                  <a:gd name="connsiteY6" fmla="*/ 2643188 h 2836933"/>
                  <a:gd name="connsiteX7" fmla="*/ 579891 w 1253861"/>
                  <a:gd name="connsiteY7" fmla="*/ 2614613 h 2836933"/>
                  <a:gd name="connsiteX8" fmla="*/ 594179 w 1253861"/>
                  <a:gd name="connsiteY8" fmla="*/ 1385888 h 2836933"/>
                  <a:gd name="connsiteX9" fmla="*/ 565603 w 1253861"/>
                  <a:gd name="connsiteY9" fmla="*/ 2686051 h 2836933"/>
                  <a:gd name="connsiteX10" fmla="*/ 236991 w 1253861"/>
                  <a:gd name="connsiteY10" fmla="*/ 2586038 h 2836933"/>
                  <a:gd name="connsiteX11" fmla="*/ 214211 w 1253861"/>
                  <a:gd name="connsiteY11" fmla="*/ 1301107 h 2836933"/>
                  <a:gd name="connsiteX12" fmla="*/ 220524 w 1253861"/>
                  <a:gd name="connsiteY12" fmla="*/ 563999 h 2836933"/>
                  <a:gd name="connsiteX13" fmla="*/ 140245 w 1253861"/>
                  <a:gd name="connsiteY13" fmla="*/ 1166781 h 2836933"/>
                  <a:gd name="connsiteX14" fmla="*/ 174019 w 1253861"/>
                  <a:gd name="connsiteY14" fmla="*/ 1819079 h 2836933"/>
                  <a:gd name="connsiteX15" fmla="*/ 1575 w 1253861"/>
                  <a:gd name="connsiteY15" fmla="*/ 701911 h 2836933"/>
                  <a:gd name="connsiteX16" fmla="*/ 297399 w 1253861"/>
                  <a:gd name="connsiteY16" fmla="*/ 44153 h 2836933"/>
                  <a:gd name="connsiteX0" fmla="*/ 395210 w 1254918"/>
                  <a:gd name="connsiteY0" fmla="*/ 1 h 2836933"/>
                  <a:gd name="connsiteX1" fmla="*/ 951364 w 1254918"/>
                  <a:gd name="connsiteY1" fmla="*/ 125167 h 2836933"/>
                  <a:gd name="connsiteX2" fmla="*/ 1251158 w 1254918"/>
                  <a:gd name="connsiteY2" fmla="*/ 952869 h 2836933"/>
                  <a:gd name="connsiteX3" fmla="*/ 1047206 w 1254918"/>
                  <a:gd name="connsiteY3" fmla="*/ 1974625 h 2836933"/>
                  <a:gd name="connsiteX4" fmla="*/ 1001656 w 1254918"/>
                  <a:gd name="connsiteY4" fmla="*/ 999620 h 2836933"/>
                  <a:gd name="connsiteX5" fmla="*/ 938268 w 1254918"/>
                  <a:gd name="connsiteY5" fmla="*/ 628451 h 2836933"/>
                  <a:gd name="connsiteX6" fmla="*/ 923848 w 1254918"/>
                  <a:gd name="connsiteY6" fmla="*/ 2643188 h 2836933"/>
                  <a:gd name="connsiteX7" fmla="*/ 580948 w 1254918"/>
                  <a:gd name="connsiteY7" fmla="*/ 2614613 h 2836933"/>
                  <a:gd name="connsiteX8" fmla="*/ 595236 w 1254918"/>
                  <a:gd name="connsiteY8" fmla="*/ 1385888 h 2836933"/>
                  <a:gd name="connsiteX9" fmla="*/ 566660 w 1254918"/>
                  <a:gd name="connsiteY9" fmla="*/ 2686051 h 2836933"/>
                  <a:gd name="connsiteX10" fmla="*/ 238048 w 1254918"/>
                  <a:gd name="connsiteY10" fmla="*/ 2586038 h 2836933"/>
                  <a:gd name="connsiteX11" fmla="*/ 215268 w 1254918"/>
                  <a:gd name="connsiteY11" fmla="*/ 1301107 h 2836933"/>
                  <a:gd name="connsiteX12" fmla="*/ 221581 w 1254918"/>
                  <a:gd name="connsiteY12" fmla="*/ 563999 h 2836933"/>
                  <a:gd name="connsiteX13" fmla="*/ 141302 w 1254918"/>
                  <a:gd name="connsiteY13" fmla="*/ 1166781 h 2836933"/>
                  <a:gd name="connsiteX14" fmla="*/ 101373 w 1254918"/>
                  <a:gd name="connsiteY14" fmla="*/ 2035519 h 2836933"/>
                  <a:gd name="connsiteX15" fmla="*/ 2632 w 1254918"/>
                  <a:gd name="connsiteY15" fmla="*/ 701911 h 2836933"/>
                  <a:gd name="connsiteX16" fmla="*/ 298456 w 1254918"/>
                  <a:gd name="connsiteY16" fmla="*/ 44153 h 2836933"/>
                  <a:gd name="connsiteX0" fmla="*/ 397504 w 1257212"/>
                  <a:gd name="connsiteY0" fmla="*/ 1 h 2836933"/>
                  <a:gd name="connsiteX1" fmla="*/ 953658 w 1257212"/>
                  <a:gd name="connsiteY1" fmla="*/ 125167 h 2836933"/>
                  <a:gd name="connsiteX2" fmla="*/ 1253452 w 1257212"/>
                  <a:gd name="connsiteY2" fmla="*/ 952869 h 2836933"/>
                  <a:gd name="connsiteX3" fmla="*/ 1049500 w 1257212"/>
                  <a:gd name="connsiteY3" fmla="*/ 1974625 h 2836933"/>
                  <a:gd name="connsiteX4" fmla="*/ 1003950 w 1257212"/>
                  <a:gd name="connsiteY4" fmla="*/ 999620 h 2836933"/>
                  <a:gd name="connsiteX5" fmla="*/ 940562 w 1257212"/>
                  <a:gd name="connsiteY5" fmla="*/ 628451 h 2836933"/>
                  <a:gd name="connsiteX6" fmla="*/ 926142 w 1257212"/>
                  <a:gd name="connsiteY6" fmla="*/ 2643188 h 2836933"/>
                  <a:gd name="connsiteX7" fmla="*/ 583242 w 1257212"/>
                  <a:gd name="connsiteY7" fmla="*/ 2614613 h 2836933"/>
                  <a:gd name="connsiteX8" fmla="*/ 597530 w 1257212"/>
                  <a:gd name="connsiteY8" fmla="*/ 1385888 h 2836933"/>
                  <a:gd name="connsiteX9" fmla="*/ 568954 w 1257212"/>
                  <a:gd name="connsiteY9" fmla="*/ 2686051 h 2836933"/>
                  <a:gd name="connsiteX10" fmla="*/ 240342 w 1257212"/>
                  <a:gd name="connsiteY10" fmla="*/ 2586038 h 2836933"/>
                  <a:gd name="connsiteX11" fmla="*/ 217562 w 1257212"/>
                  <a:gd name="connsiteY11" fmla="*/ 1301107 h 2836933"/>
                  <a:gd name="connsiteX12" fmla="*/ 223875 w 1257212"/>
                  <a:gd name="connsiteY12" fmla="*/ 563999 h 2836933"/>
                  <a:gd name="connsiteX13" fmla="*/ 143596 w 1257212"/>
                  <a:gd name="connsiteY13" fmla="*/ 1166781 h 2836933"/>
                  <a:gd name="connsiteX14" fmla="*/ 103667 w 1257212"/>
                  <a:gd name="connsiteY14" fmla="*/ 2035519 h 2836933"/>
                  <a:gd name="connsiteX15" fmla="*/ 4926 w 1257212"/>
                  <a:gd name="connsiteY15" fmla="*/ 701911 h 2836933"/>
                  <a:gd name="connsiteX16" fmla="*/ 300750 w 1257212"/>
                  <a:gd name="connsiteY16" fmla="*/ 44153 h 2836933"/>
                  <a:gd name="connsiteX0" fmla="*/ 394532 w 1254240"/>
                  <a:gd name="connsiteY0" fmla="*/ 1 h 2836933"/>
                  <a:gd name="connsiteX1" fmla="*/ 950686 w 1254240"/>
                  <a:gd name="connsiteY1" fmla="*/ 125167 h 2836933"/>
                  <a:gd name="connsiteX2" fmla="*/ 1250480 w 1254240"/>
                  <a:gd name="connsiteY2" fmla="*/ 952869 h 2836933"/>
                  <a:gd name="connsiteX3" fmla="*/ 1046528 w 1254240"/>
                  <a:gd name="connsiteY3" fmla="*/ 1974625 h 2836933"/>
                  <a:gd name="connsiteX4" fmla="*/ 1000978 w 1254240"/>
                  <a:gd name="connsiteY4" fmla="*/ 999620 h 2836933"/>
                  <a:gd name="connsiteX5" fmla="*/ 937590 w 1254240"/>
                  <a:gd name="connsiteY5" fmla="*/ 628451 h 2836933"/>
                  <a:gd name="connsiteX6" fmla="*/ 923170 w 1254240"/>
                  <a:gd name="connsiteY6" fmla="*/ 2643188 h 2836933"/>
                  <a:gd name="connsiteX7" fmla="*/ 580270 w 1254240"/>
                  <a:gd name="connsiteY7" fmla="*/ 2614613 h 2836933"/>
                  <a:gd name="connsiteX8" fmla="*/ 594558 w 1254240"/>
                  <a:gd name="connsiteY8" fmla="*/ 1385888 h 2836933"/>
                  <a:gd name="connsiteX9" fmla="*/ 565982 w 1254240"/>
                  <a:gd name="connsiteY9" fmla="*/ 2686051 h 2836933"/>
                  <a:gd name="connsiteX10" fmla="*/ 237370 w 1254240"/>
                  <a:gd name="connsiteY10" fmla="*/ 2586038 h 2836933"/>
                  <a:gd name="connsiteX11" fmla="*/ 214590 w 1254240"/>
                  <a:gd name="connsiteY11" fmla="*/ 1301107 h 2836933"/>
                  <a:gd name="connsiteX12" fmla="*/ 220903 w 1254240"/>
                  <a:gd name="connsiteY12" fmla="*/ 563999 h 2836933"/>
                  <a:gd name="connsiteX13" fmla="*/ 140624 w 1254240"/>
                  <a:gd name="connsiteY13" fmla="*/ 1166781 h 2836933"/>
                  <a:gd name="connsiteX14" fmla="*/ 192825 w 1254240"/>
                  <a:gd name="connsiteY14" fmla="*/ 1911840 h 2836933"/>
                  <a:gd name="connsiteX15" fmla="*/ 1954 w 1254240"/>
                  <a:gd name="connsiteY15" fmla="*/ 701911 h 2836933"/>
                  <a:gd name="connsiteX16" fmla="*/ 297778 w 1254240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031 w 1253739"/>
                  <a:gd name="connsiteY0" fmla="*/ 1 h 2836933"/>
                  <a:gd name="connsiteX1" fmla="*/ 950185 w 1253739"/>
                  <a:gd name="connsiteY1" fmla="*/ 125167 h 2836933"/>
                  <a:gd name="connsiteX2" fmla="*/ 1249979 w 1253739"/>
                  <a:gd name="connsiteY2" fmla="*/ 952869 h 2836933"/>
                  <a:gd name="connsiteX3" fmla="*/ 1046027 w 1253739"/>
                  <a:gd name="connsiteY3" fmla="*/ 1974625 h 2836933"/>
                  <a:gd name="connsiteX4" fmla="*/ 1000477 w 1253739"/>
                  <a:gd name="connsiteY4" fmla="*/ 999620 h 2836933"/>
                  <a:gd name="connsiteX5" fmla="*/ 937089 w 1253739"/>
                  <a:gd name="connsiteY5" fmla="*/ 628451 h 2836933"/>
                  <a:gd name="connsiteX6" fmla="*/ 922669 w 1253739"/>
                  <a:gd name="connsiteY6" fmla="*/ 2643188 h 2836933"/>
                  <a:gd name="connsiteX7" fmla="*/ 579769 w 1253739"/>
                  <a:gd name="connsiteY7" fmla="*/ 2614613 h 2836933"/>
                  <a:gd name="connsiteX8" fmla="*/ 594057 w 1253739"/>
                  <a:gd name="connsiteY8" fmla="*/ 1385888 h 2836933"/>
                  <a:gd name="connsiteX9" fmla="*/ 565481 w 1253739"/>
                  <a:gd name="connsiteY9" fmla="*/ 2686051 h 2836933"/>
                  <a:gd name="connsiteX10" fmla="*/ 236869 w 1253739"/>
                  <a:gd name="connsiteY10" fmla="*/ 2586038 h 2836933"/>
                  <a:gd name="connsiteX11" fmla="*/ 214089 w 1253739"/>
                  <a:gd name="connsiteY11" fmla="*/ 1301107 h 2836933"/>
                  <a:gd name="connsiteX12" fmla="*/ 220402 w 1253739"/>
                  <a:gd name="connsiteY12" fmla="*/ 563999 h 2836933"/>
                  <a:gd name="connsiteX13" fmla="*/ 158549 w 1253739"/>
                  <a:gd name="connsiteY13" fmla="*/ 1043102 h 2836933"/>
                  <a:gd name="connsiteX14" fmla="*/ 192324 w 1253739"/>
                  <a:gd name="connsiteY14" fmla="*/ 1911840 h 2836933"/>
                  <a:gd name="connsiteX15" fmla="*/ 1453 w 1253739"/>
                  <a:gd name="connsiteY15" fmla="*/ 701911 h 2836933"/>
                  <a:gd name="connsiteX16" fmla="*/ 297277 w 1253739"/>
                  <a:gd name="connsiteY16" fmla="*/ 44153 h 2836933"/>
                  <a:gd name="connsiteX0" fmla="*/ 394571 w 1254279"/>
                  <a:gd name="connsiteY0" fmla="*/ 1 h 2836933"/>
                  <a:gd name="connsiteX1" fmla="*/ 950725 w 1254279"/>
                  <a:gd name="connsiteY1" fmla="*/ 125167 h 2836933"/>
                  <a:gd name="connsiteX2" fmla="*/ 1250519 w 1254279"/>
                  <a:gd name="connsiteY2" fmla="*/ 952869 h 2836933"/>
                  <a:gd name="connsiteX3" fmla="*/ 1046567 w 1254279"/>
                  <a:gd name="connsiteY3" fmla="*/ 1974625 h 2836933"/>
                  <a:gd name="connsiteX4" fmla="*/ 1001017 w 1254279"/>
                  <a:gd name="connsiteY4" fmla="*/ 999620 h 2836933"/>
                  <a:gd name="connsiteX5" fmla="*/ 937629 w 1254279"/>
                  <a:gd name="connsiteY5" fmla="*/ 628451 h 2836933"/>
                  <a:gd name="connsiteX6" fmla="*/ 923209 w 1254279"/>
                  <a:gd name="connsiteY6" fmla="*/ 2643188 h 2836933"/>
                  <a:gd name="connsiteX7" fmla="*/ 580309 w 1254279"/>
                  <a:gd name="connsiteY7" fmla="*/ 2614613 h 2836933"/>
                  <a:gd name="connsiteX8" fmla="*/ 594597 w 1254279"/>
                  <a:gd name="connsiteY8" fmla="*/ 1385888 h 2836933"/>
                  <a:gd name="connsiteX9" fmla="*/ 566021 w 1254279"/>
                  <a:gd name="connsiteY9" fmla="*/ 2686051 h 2836933"/>
                  <a:gd name="connsiteX10" fmla="*/ 237409 w 1254279"/>
                  <a:gd name="connsiteY10" fmla="*/ 2586038 h 2836933"/>
                  <a:gd name="connsiteX11" fmla="*/ 214629 w 1254279"/>
                  <a:gd name="connsiteY11" fmla="*/ 1301107 h 2836933"/>
                  <a:gd name="connsiteX12" fmla="*/ 220942 w 1254279"/>
                  <a:gd name="connsiteY12" fmla="*/ 563999 h 2836933"/>
                  <a:gd name="connsiteX13" fmla="*/ 159089 w 1254279"/>
                  <a:gd name="connsiteY13" fmla="*/ 1043102 h 2836933"/>
                  <a:gd name="connsiteX14" fmla="*/ 192864 w 1254279"/>
                  <a:gd name="connsiteY14" fmla="*/ 1911840 h 2836933"/>
                  <a:gd name="connsiteX15" fmla="*/ 1993 w 1254279"/>
                  <a:gd name="connsiteY15" fmla="*/ 701911 h 2836933"/>
                  <a:gd name="connsiteX16" fmla="*/ 297817 w 1254279"/>
                  <a:gd name="connsiteY16" fmla="*/ 44153 h 2836933"/>
                  <a:gd name="connsiteX0" fmla="*/ 396361 w 1256069"/>
                  <a:gd name="connsiteY0" fmla="*/ 1 h 2836933"/>
                  <a:gd name="connsiteX1" fmla="*/ 952515 w 1256069"/>
                  <a:gd name="connsiteY1" fmla="*/ 125167 h 2836933"/>
                  <a:gd name="connsiteX2" fmla="*/ 1252309 w 1256069"/>
                  <a:gd name="connsiteY2" fmla="*/ 952869 h 2836933"/>
                  <a:gd name="connsiteX3" fmla="*/ 1048357 w 1256069"/>
                  <a:gd name="connsiteY3" fmla="*/ 1974625 h 2836933"/>
                  <a:gd name="connsiteX4" fmla="*/ 1002807 w 1256069"/>
                  <a:gd name="connsiteY4" fmla="*/ 999620 h 2836933"/>
                  <a:gd name="connsiteX5" fmla="*/ 939419 w 1256069"/>
                  <a:gd name="connsiteY5" fmla="*/ 628451 h 2836933"/>
                  <a:gd name="connsiteX6" fmla="*/ 924999 w 1256069"/>
                  <a:gd name="connsiteY6" fmla="*/ 2643188 h 2836933"/>
                  <a:gd name="connsiteX7" fmla="*/ 582099 w 1256069"/>
                  <a:gd name="connsiteY7" fmla="*/ 2614613 h 2836933"/>
                  <a:gd name="connsiteX8" fmla="*/ 596387 w 1256069"/>
                  <a:gd name="connsiteY8" fmla="*/ 1385888 h 2836933"/>
                  <a:gd name="connsiteX9" fmla="*/ 567811 w 1256069"/>
                  <a:gd name="connsiteY9" fmla="*/ 2686051 h 2836933"/>
                  <a:gd name="connsiteX10" fmla="*/ 239199 w 1256069"/>
                  <a:gd name="connsiteY10" fmla="*/ 2586038 h 2836933"/>
                  <a:gd name="connsiteX11" fmla="*/ 216419 w 1256069"/>
                  <a:gd name="connsiteY11" fmla="*/ 1301107 h 2836933"/>
                  <a:gd name="connsiteX12" fmla="*/ 222732 w 1256069"/>
                  <a:gd name="connsiteY12" fmla="*/ 563999 h 2836933"/>
                  <a:gd name="connsiteX13" fmla="*/ 160879 w 1256069"/>
                  <a:gd name="connsiteY13" fmla="*/ 1043102 h 2836933"/>
                  <a:gd name="connsiteX14" fmla="*/ 194654 w 1256069"/>
                  <a:gd name="connsiteY14" fmla="*/ 1911840 h 2836933"/>
                  <a:gd name="connsiteX15" fmla="*/ 3783 w 1256069"/>
                  <a:gd name="connsiteY15" fmla="*/ 701911 h 2836933"/>
                  <a:gd name="connsiteX16" fmla="*/ 299607 w 1256069"/>
                  <a:gd name="connsiteY16" fmla="*/ 44153 h 2836933"/>
                  <a:gd name="connsiteX0" fmla="*/ 394176 w 1253884"/>
                  <a:gd name="connsiteY0" fmla="*/ 1 h 2836933"/>
                  <a:gd name="connsiteX1" fmla="*/ 950330 w 1253884"/>
                  <a:gd name="connsiteY1" fmla="*/ 125167 h 2836933"/>
                  <a:gd name="connsiteX2" fmla="*/ 1250124 w 1253884"/>
                  <a:gd name="connsiteY2" fmla="*/ 952869 h 2836933"/>
                  <a:gd name="connsiteX3" fmla="*/ 1046172 w 1253884"/>
                  <a:gd name="connsiteY3" fmla="*/ 1974625 h 2836933"/>
                  <a:gd name="connsiteX4" fmla="*/ 1000622 w 1253884"/>
                  <a:gd name="connsiteY4" fmla="*/ 999620 h 2836933"/>
                  <a:gd name="connsiteX5" fmla="*/ 937234 w 1253884"/>
                  <a:gd name="connsiteY5" fmla="*/ 628451 h 2836933"/>
                  <a:gd name="connsiteX6" fmla="*/ 922814 w 1253884"/>
                  <a:gd name="connsiteY6" fmla="*/ 2643188 h 2836933"/>
                  <a:gd name="connsiteX7" fmla="*/ 579914 w 1253884"/>
                  <a:gd name="connsiteY7" fmla="*/ 2614613 h 2836933"/>
                  <a:gd name="connsiteX8" fmla="*/ 594202 w 1253884"/>
                  <a:gd name="connsiteY8" fmla="*/ 1385888 h 2836933"/>
                  <a:gd name="connsiteX9" fmla="*/ 565626 w 1253884"/>
                  <a:gd name="connsiteY9" fmla="*/ 2686051 h 2836933"/>
                  <a:gd name="connsiteX10" fmla="*/ 237014 w 1253884"/>
                  <a:gd name="connsiteY10" fmla="*/ 2586038 h 2836933"/>
                  <a:gd name="connsiteX11" fmla="*/ 214234 w 1253884"/>
                  <a:gd name="connsiteY11" fmla="*/ 1301107 h 2836933"/>
                  <a:gd name="connsiteX12" fmla="*/ 220547 w 1253884"/>
                  <a:gd name="connsiteY12" fmla="*/ 563999 h 2836933"/>
                  <a:gd name="connsiteX13" fmla="*/ 158694 w 1253884"/>
                  <a:gd name="connsiteY13" fmla="*/ 1043102 h 2836933"/>
                  <a:gd name="connsiteX14" fmla="*/ 192469 w 1253884"/>
                  <a:gd name="connsiteY14" fmla="*/ 1911840 h 2836933"/>
                  <a:gd name="connsiteX15" fmla="*/ 1598 w 1253884"/>
                  <a:gd name="connsiteY15" fmla="*/ 701911 h 2836933"/>
                  <a:gd name="connsiteX16" fmla="*/ 297422 w 1253884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1043102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130 w 1262838"/>
                  <a:gd name="connsiteY0" fmla="*/ 1 h 2836933"/>
                  <a:gd name="connsiteX1" fmla="*/ 959284 w 1262838"/>
                  <a:gd name="connsiteY1" fmla="*/ 125167 h 2836933"/>
                  <a:gd name="connsiteX2" fmla="*/ 1259078 w 1262838"/>
                  <a:gd name="connsiteY2" fmla="*/ 952869 h 2836933"/>
                  <a:gd name="connsiteX3" fmla="*/ 1055126 w 1262838"/>
                  <a:gd name="connsiteY3" fmla="*/ 1974625 h 2836933"/>
                  <a:gd name="connsiteX4" fmla="*/ 1009576 w 1262838"/>
                  <a:gd name="connsiteY4" fmla="*/ 999620 h 2836933"/>
                  <a:gd name="connsiteX5" fmla="*/ 946188 w 1262838"/>
                  <a:gd name="connsiteY5" fmla="*/ 628451 h 2836933"/>
                  <a:gd name="connsiteX6" fmla="*/ 931768 w 1262838"/>
                  <a:gd name="connsiteY6" fmla="*/ 2643188 h 2836933"/>
                  <a:gd name="connsiteX7" fmla="*/ 588868 w 1262838"/>
                  <a:gd name="connsiteY7" fmla="*/ 2614613 h 2836933"/>
                  <a:gd name="connsiteX8" fmla="*/ 603156 w 1262838"/>
                  <a:gd name="connsiteY8" fmla="*/ 1385888 h 2836933"/>
                  <a:gd name="connsiteX9" fmla="*/ 574580 w 1262838"/>
                  <a:gd name="connsiteY9" fmla="*/ 2686051 h 2836933"/>
                  <a:gd name="connsiteX10" fmla="*/ 245968 w 1262838"/>
                  <a:gd name="connsiteY10" fmla="*/ 2586038 h 2836933"/>
                  <a:gd name="connsiteX11" fmla="*/ 223188 w 1262838"/>
                  <a:gd name="connsiteY11" fmla="*/ 1301107 h 2836933"/>
                  <a:gd name="connsiteX12" fmla="*/ 229501 w 1262838"/>
                  <a:gd name="connsiteY12" fmla="*/ 563999 h 2836933"/>
                  <a:gd name="connsiteX13" fmla="*/ 167648 w 1262838"/>
                  <a:gd name="connsiteY13" fmla="*/ 1043102 h 2836933"/>
                  <a:gd name="connsiteX14" fmla="*/ 201423 w 1262838"/>
                  <a:gd name="connsiteY14" fmla="*/ 1911840 h 2836933"/>
                  <a:gd name="connsiteX15" fmla="*/ 1339 w 1262838"/>
                  <a:gd name="connsiteY15" fmla="*/ 918348 h 2836933"/>
                  <a:gd name="connsiteX16" fmla="*/ 306376 w 1262838"/>
                  <a:gd name="connsiteY16" fmla="*/ 44153 h 2836933"/>
                  <a:gd name="connsiteX0" fmla="*/ 403188 w 1262896"/>
                  <a:gd name="connsiteY0" fmla="*/ 1 h 2836933"/>
                  <a:gd name="connsiteX1" fmla="*/ 959342 w 1262896"/>
                  <a:gd name="connsiteY1" fmla="*/ 125167 h 2836933"/>
                  <a:gd name="connsiteX2" fmla="*/ 1259136 w 1262896"/>
                  <a:gd name="connsiteY2" fmla="*/ 952869 h 2836933"/>
                  <a:gd name="connsiteX3" fmla="*/ 1055184 w 1262896"/>
                  <a:gd name="connsiteY3" fmla="*/ 1974625 h 2836933"/>
                  <a:gd name="connsiteX4" fmla="*/ 1009634 w 1262896"/>
                  <a:gd name="connsiteY4" fmla="*/ 999620 h 2836933"/>
                  <a:gd name="connsiteX5" fmla="*/ 946246 w 1262896"/>
                  <a:gd name="connsiteY5" fmla="*/ 628451 h 2836933"/>
                  <a:gd name="connsiteX6" fmla="*/ 931826 w 1262896"/>
                  <a:gd name="connsiteY6" fmla="*/ 2643188 h 2836933"/>
                  <a:gd name="connsiteX7" fmla="*/ 588926 w 1262896"/>
                  <a:gd name="connsiteY7" fmla="*/ 2614613 h 2836933"/>
                  <a:gd name="connsiteX8" fmla="*/ 603214 w 1262896"/>
                  <a:gd name="connsiteY8" fmla="*/ 1385888 h 2836933"/>
                  <a:gd name="connsiteX9" fmla="*/ 574638 w 1262896"/>
                  <a:gd name="connsiteY9" fmla="*/ 2686051 h 2836933"/>
                  <a:gd name="connsiteX10" fmla="*/ 246026 w 1262896"/>
                  <a:gd name="connsiteY10" fmla="*/ 2586038 h 2836933"/>
                  <a:gd name="connsiteX11" fmla="*/ 223246 w 1262896"/>
                  <a:gd name="connsiteY11" fmla="*/ 1301107 h 2836933"/>
                  <a:gd name="connsiteX12" fmla="*/ 229559 w 1262896"/>
                  <a:gd name="connsiteY12" fmla="*/ 563999 h 2836933"/>
                  <a:gd name="connsiteX13" fmla="*/ 167706 w 1262896"/>
                  <a:gd name="connsiteY13" fmla="*/ 919423 h 2836933"/>
                  <a:gd name="connsiteX14" fmla="*/ 201481 w 1262896"/>
                  <a:gd name="connsiteY14" fmla="*/ 1911840 h 2836933"/>
                  <a:gd name="connsiteX15" fmla="*/ 1397 w 1262896"/>
                  <a:gd name="connsiteY15" fmla="*/ 918348 h 2836933"/>
                  <a:gd name="connsiteX16" fmla="*/ 306434 w 1262896"/>
                  <a:gd name="connsiteY16" fmla="*/ 44153 h 2836933"/>
                  <a:gd name="connsiteX0" fmla="*/ 403323 w 1263031"/>
                  <a:gd name="connsiteY0" fmla="*/ 1 h 2836933"/>
                  <a:gd name="connsiteX1" fmla="*/ 959477 w 1263031"/>
                  <a:gd name="connsiteY1" fmla="*/ 125167 h 2836933"/>
                  <a:gd name="connsiteX2" fmla="*/ 1259271 w 1263031"/>
                  <a:gd name="connsiteY2" fmla="*/ 952869 h 2836933"/>
                  <a:gd name="connsiteX3" fmla="*/ 1055319 w 1263031"/>
                  <a:gd name="connsiteY3" fmla="*/ 1974625 h 2836933"/>
                  <a:gd name="connsiteX4" fmla="*/ 1009769 w 1263031"/>
                  <a:gd name="connsiteY4" fmla="*/ 999620 h 2836933"/>
                  <a:gd name="connsiteX5" fmla="*/ 946381 w 1263031"/>
                  <a:gd name="connsiteY5" fmla="*/ 628451 h 2836933"/>
                  <a:gd name="connsiteX6" fmla="*/ 931961 w 1263031"/>
                  <a:gd name="connsiteY6" fmla="*/ 2643188 h 2836933"/>
                  <a:gd name="connsiteX7" fmla="*/ 589061 w 1263031"/>
                  <a:gd name="connsiteY7" fmla="*/ 2614613 h 2836933"/>
                  <a:gd name="connsiteX8" fmla="*/ 603349 w 1263031"/>
                  <a:gd name="connsiteY8" fmla="*/ 1385888 h 2836933"/>
                  <a:gd name="connsiteX9" fmla="*/ 574773 w 1263031"/>
                  <a:gd name="connsiteY9" fmla="*/ 2686051 h 2836933"/>
                  <a:gd name="connsiteX10" fmla="*/ 246161 w 1263031"/>
                  <a:gd name="connsiteY10" fmla="*/ 2586038 h 2836933"/>
                  <a:gd name="connsiteX11" fmla="*/ 223381 w 1263031"/>
                  <a:gd name="connsiteY11" fmla="*/ 1301107 h 2836933"/>
                  <a:gd name="connsiteX12" fmla="*/ 229694 w 1263031"/>
                  <a:gd name="connsiteY12" fmla="*/ 563999 h 2836933"/>
                  <a:gd name="connsiteX13" fmla="*/ 167841 w 1263031"/>
                  <a:gd name="connsiteY13" fmla="*/ 919423 h 2836933"/>
                  <a:gd name="connsiteX14" fmla="*/ 201616 w 1263031"/>
                  <a:gd name="connsiteY14" fmla="*/ 1911840 h 2836933"/>
                  <a:gd name="connsiteX15" fmla="*/ 1532 w 1263031"/>
                  <a:gd name="connsiteY15" fmla="*/ 918348 h 2836933"/>
                  <a:gd name="connsiteX16" fmla="*/ 306569 w 1263031"/>
                  <a:gd name="connsiteY16" fmla="*/ 44153 h 2836933"/>
                  <a:gd name="connsiteX0" fmla="*/ 403252 w 1262960"/>
                  <a:gd name="connsiteY0" fmla="*/ 1 h 2836933"/>
                  <a:gd name="connsiteX1" fmla="*/ 959406 w 1262960"/>
                  <a:gd name="connsiteY1" fmla="*/ 125167 h 2836933"/>
                  <a:gd name="connsiteX2" fmla="*/ 1259200 w 1262960"/>
                  <a:gd name="connsiteY2" fmla="*/ 952869 h 2836933"/>
                  <a:gd name="connsiteX3" fmla="*/ 1055248 w 1262960"/>
                  <a:gd name="connsiteY3" fmla="*/ 1974625 h 2836933"/>
                  <a:gd name="connsiteX4" fmla="*/ 1009698 w 1262960"/>
                  <a:gd name="connsiteY4" fmla="*/ 999620 h 2836933"/>
                  <a:gd name="connsiteX5" fmla="*/ 946310 w 1262960"/>
                  <a:gd name="connsiteY5" fmla="*/ 628451 h 2836933"/>
                  <a:gd name="connsiteX6" fmla="*/ 931890 w 1262960"/>
                  <a:gd name="connsiteY6" fmla="*/ 2643188 h 2836933"/>
                  <a:gd name="connsiteX7" fmla="*/ 588990 w 1262960"/>
                  <a:gd name="connsiteY7" fmla="*/ 2614613 h 2836933"/>
                  <a:gd name="connsiteX8" fmla="*/ 603278 w 1262960"/>
                  <a:gd name="connsiteY8" fmla="*/ 1385888 h 2836933"/>
                  <a:gd name="connsiteX9" fmla="*/ 574702 w 1262960"/>
                  <a:gd name="connsiteY9" fmla="*/ 2686051 h 2836933"/>
                  <a:gd name="connsiteX10" fmla="*/ 246090 w 1262960"/>
                  <a:gd name="connsiteY10" fmla="*/ 2586038 h 2836933"/>
                  <a:gd name="connsiteX11" fmla="*/ 223310 w 1262960"/>
                  <a:gd name="connsiteY11" fmla="*/ 1301107 h 2836933"/>
                  <a:gd name="connsiteX12" fmla="*/ 229623 w 1262960"/>
                  <a:gd name="connsiteY12" fmla="*/ 563999 h 2836933"/>
                  <a:gd name="connsiteX13" fmla="*/ 167770 w 1262960"/>
                  <a:gd name="connsiteY13" fmla="*/ 919423 h 2836933"/>
                  <a:gd name="connsiteX14" fmla="*/ 210757 w 1262960"/>
                  <a:gd name="connsiteY14" fmla="*/ 1757240 h 2836933"/>
                  <a:gd name="connsiteX15" fmla="*/ 1461 w 1262960"/>
                  <a:gd name="connsiteY15" fmla="*/ 918348 h 2836933"/>
                  <a:gd name="connsiteX16" fmla="*/ 306498 w 1262960"/>
                  <a:gd name="connsiteY16" fmla="*/ 44153 h 2836933"/>
                  <a:gd name="connsiteX0" fmla="*/ 458170 w 1317878"/>
                  <a:gd name="connsiteY0" fmla="*/ 1 h 2836933"/>
                  <a:gd name="connsiteX1" fmla="*/ 1014324 w 1317878"/>
                  <a:gd name="connsiteY1" fmla="*/ 125167 h 2836933"/>
                  <a:gd name="connsiteX2" fmla="*/ 1314118 w 1317878"/>
                  <a:gd name="connsiteY2" fmla="*/ 952869 h 2836933"/>
                  <a:gd name="connsiteX3" fmla="*/ 1110166 w 1317878"/>
                  <a:gd name="connsiteY3" fmla="*/ 1974625 h 2836933"/>
                  <a:gd name="connsiteX4" fmla="*/ 1064616 w 1317878"/>
                  <a:gd name="connsiteY4" fmla="*/ 999620 h 2836933"/>
                  <a:gd name="connsiteX5" fmla="*/ 1001228 w 1317878"/>
                  <a:gd name="connsiteY5" fmla="*/ 628451 h 2836933"/>
                  <a:gd name="connsiteX6" fmla="*/ 986808 w 1317878"/>
                  <a:gd name="connsiteY6" fmla="*/ 2643188 h 2836933"/>
                  <a:gd name="connsiteX7" fmla="*/ 643908 w 1317878"/>
                  <a:gd name="connsiteY7" fmla="*/ 2614613 h 2836933"/>
                  <a:gd name="connsiteX8" fmla="*/ 658196 w 1317878"/>
                  <a:gd name="connsiteY8" fmla="*/ 1385888 h 2836933"/>
                  <a:gd name="connsiteX9" fmla="*/ 629620 w 1317878"/>
                  <a:gd name="connsiteY9" fmla="*/ 2686051 h 2836933"/>
                  <a:gd name="connsiteX10" fmla="*/ 301008 w 1317878"/>
                  <a:gd name="connsiteY10" fmla="*/ 2586038 h 2836933"/>
                  <a:gd name="connsiteX11" fmla="*/ 278228 w 1317878"/>
                  <a:gd name="connsiteY11" fmla="*/ 1301107 h 2836933"/>
                  <a:gd name="connsiteX12" fmla="*/ 284541 w 1317878"/>
                  <a:gd name="connsiteY12" fmla="*/ 563999 h 2836933"/>
                  <a:gd name="connsiteX13" fmla="*/ 222688 w 1317878"/>
                  <a:gd name="connsiteY13" fmla="*/ 919423 h 2836933"/>
                  <a:gd name="connsiteX14" fmla="*/ 265675 w 1317878"/>
                  <a:gd name="connsiteY14" fmla="*/ 1757240 h 2836933"/>
                  <a:gd name="connsiteX15" fmla="*/ 1101 w 1317878"/>
                  <a:gd name="connsiteY15" fmla="*/ 949266 h 2836933"/>
                  <a:gd name="connsiteX16" fmla="*/ 361416 w 1317878"/>
                  <a:gd name="connsiteY16" fmla="*/ 44153 h 2836933"/>
                  <a:gd name="connsiteX0" fmla="*/ 430640 w 1290348"/>
                  <a:gd name="connsiteY0" fmla="*/ 1 h 2836933"/>
                  <a:gd name="connsiteX1" fmla="*/ 986794 w 1290348"/>
                  <a:gd name="connsiteY1" fmla="*/ 125167 h 2836933"/>
                  <a:gd name="connsiteX2" fmla="*/ 1286588 w 1290348"/>
                  <a:gd name="connsiteY2" fmla="*/ 952869 h 2836933"/>
                  <a:gd name="connsiteX3" fmla="*/ 1082636 w 1290348"/>
                  <a:gd name="connsiteY3" fmla="*/ 1974625 h 2836933"/>
                  <a:gd name="connsiteX4" fmla="*/ 1037086 w 1290348"/>
                  <a:gd name="connsiteY4" fmla="*/ 999620 h 2836933"/>
                  <a:gd name="connsiteX5" fmla="*/ 973698 w 1290348"/>
                  <a:gd name="connsiteY5" fmla="*/ 628451 h 2836933"/>
                  <a:gd name="connsiteX6" fmla="*/ 959278 w 1290348"/>
                  <a:gd name="connsiteY6" fmla="*/ 2643188 h 2836933"/>
                  <a:gd name="connsiteX7" fmla="*/ 616378 w 1290348"/>
                  <a:gd name="connsiteY7" fmla="*/ 2614613 h 2836933"/>
                  <a:gd name="connsiteX8" fmla="*/ 630666 w 1290348"/>
                  <a:gd name="connsiteY8" fmla="*/ 1385888 h 2836933"/>
                  <a:gd name="connsiteX9" fmla="*/ 602090 w 1290348"/>
                  <a:gd name="connsiteY9" fmla="*/ 2686051 h 2836933"/>
                  <a:gd name="connsiteX10" fmla="*/ 273478 w 1290348"/>
                  <a:gd name="connsiteY10" fmla="*/ 2586038 h 2836933"/>
                  <a:gd name="connsiteX11" fmla="*/ 250698 w 1290348"/>
                  <a:gd name="connsiteY11" fmla="*/ 1301107 h 2836933"/>
                  <a:gd name="connsiteX12" fmla="*/ 257011 w 1290348"/>
                  <a:gd name="connsiteY12" fmla="*/ 563999 h 2836933"/>
                  <a:gd name="connsiteX13" fmla="*/ 195158 w 1290348"/>
                  <a:gd name="connsiteY13" fmla="*/ 919423 h 2836933"/>
                  <a:gd name="connsiteX14" fmla="*/ 238145 w 1290348"/>
                  <a:gd name="connsiteY14" fmla="*/ 1757240 h 2836933"/>
                  <a:gd name="connsiteX15" fmla="*/ 1209 w 1290348"/>
                  <a:gd name="connsiteY15" fmla="*/ 949266 h 2836933"/>
                  <a:gd name="connsiteX16" fmla="*/ 333886 w 1290348"/>
                  <a:gd name="connsiteY16" fmla="*/ 44153 h 2836933"/>
                  <a:gd name="connsiteX0" fmla="*/ 430860 w 1290568"/>
                  <a:gd name="connsiteY0" fmla="*/ 1 h 2836933"/>
                  <a:gd name="connsiteX1" fmla="*/ 987014 w 1290568"/>
                  <a:gd name="connsiteY1" fmla="*/ 125167 h 2836933"/>
                  <a:gd name="connsiteX2" fmla="*/ 1286808 w 1290568"/>
                  <a:gd name="connsiteY2" fmla="*/ 952869 h 2836933"/>
                  <a:gd name="connsiteX3" fmla="*/ 1082856 w 1290568"/>
                  <a:gd name="connsiteY3" fmla="*/ 1974625 h 2836933"/>
                  <a:gd name="connsiteX4" fmla="*/ 1037306 w 1290568"/>
                  <a:gd name="connsiteY4" fmla="*/ 999620 h 2836933"/>
                  <a:gd name="connsiteX5" fmla="*/ 973918 w 1290568"/>
                  <a:gd name="connsiteY5" fmla="*/ 628451 h 2836933"/>
                  <a:gd name="connsiteX6" fmla="*/ 959498 w 1290568"/>
                  <a:gd name="connsiteY6" fmla="*/ 2643188 h 2836933"/>
                  <a:gd name="connsiteX7" fmla="*/ 616598 w 1290568"/>
                  <a:gd name="connsiteY7" fmla="*/ 2614613 h 2836933"/>
                  <a:gd name="connsiteX8" fmla="*/ 630886 w 1290568"/>
                  <a:gd name="connsiteY8" fmla="*/ 1385888 h 2836933"/>
                  <a:gd name="connsiteX9" fmla="*/ 602310 w 1290568"/>
                  <a:gd name="connsiteY9" fmla="*/ 2686051 h 2836933"/>
                  <a:gd name="connsiteX10" fmla="*/ 273698 w 1290568"/>
                  <a:gd name="connsiteY10" fmla="*/ 2586038 h 2836933"/>
                  <a:gd name="connsiteX11" fmla="*/ 250918 w 1290568"/>
                  <a:gd name="connsiteY11" fmla="*/ 1301107 h 2836933"/>
                  <a:gd name="connsiteX12" fmla="*/ 257231 w 1290568"/>
                  <a:gd name="connsiteY12" fmla="*/ 563999 h 2836933"/>
                  <a:gd name="connsiteX13" fmla="*/ 195378 w 1290568"/>
                  <a:gd name="connsiteY13" fmla="*/ 919423 h 2836933"/>
                  <a:gd name="connsiteX14" fmla="*/ 201513 w 1290568"/>
                  <a:gd name="connsiteY14" fmla="*/ 1757240 h 2836933"/>
                  <a:gd name="connsiteX15" fmla="*/ 1429 w 1290568"/>
                  <a:gd name="connsiteY15" fmla="*/ 949266 h 2836933"/>
                  <a:gd name="connsiteX16" fmla="*/ 334106 w 1290568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334327 w 1290789"/>
                  <a:gd name="connsiteY16" fmla="*/ 44153 h 2836933"/>
                  <a:gd name="connsiteX0" fmla="*/ 431081 w 1290789"/>
                  <a:gd name="connsiteY0" fmla="*/ 1 h 2836933"/>
                  <a:gd name="connsiteX1" fmla="*/ 987235 w 1290789"/>
                  <a:gd name="connsiteY1" fmla="*/ 125167 h 2836933"/>
                  <a:gd name="connsiteX2" fmla="*/ 1287029 w 1290789"/>
                  <a:gd name="connsiteY2" fmla="*/ 952869 h 2836933"/>
                  <a:gd name="connsiteX3" fmla="*/ 1083077 w 1290789"/>
                  <a:gd name="connsiteY3" fmla="*/ 1974625 h 2836933"/>
                  <a:gd name="connsiteX4" fmla="*/ 1037527 w 1290789"/>
                  <a:gd name="connsiteY4" fmla="*/ 999620 h 2836933"/>
                  <a:gd name="connsiteX5" fmla="*/ 974139 w 1290789"/>
                  <a:gd name="connsiteY5" fmla="*/ 628451 h 2836933"/>
                  <a:gd name="connsiteX6" fmla="*/ 959719 w 1290789"/>
                  <a:gd name="connsiteY6" fmla="*/ 2643188 h 2836933"/>
                  <a:gd name="connsiteX7" fmla="*/ 616819 w 1290789"/>
                  <a:gd name="connsiteY7" fmla="*/ 2614613 h 2836933"/>
                  <a:gd name="connsiteX8" fmla="*/ 631107 w 1290789"/>
                  <a:gd name="connsiteY8" fmla="*/ 1385888 h 2836933"/>
                  <a:gd name="connsiteX9" fmla="*/ 602531 w 1290789"/>
                  <a:gd name="connsiteY9" fmla="*/ 2686051 h 2836933"/>
                  <a:gd name="connsiteX10" fmla="*/ 273919 w 1290789"/>
                  <a:gd name="connsiteY10" fmla="*/ 2586038 h 2836933"/>
                  <a:gd name="connsiteX11" fmla="*/ 251139 w 1290789"/>
                  <a:gd name="connsiteY11" fmla="*/ 1301107 h 2836933"/>
                  <a:gd name="connsiteX12" fmla="*/ 257452 w 1290789"/>
                  <a:gd name="connsiteY12" fmla="*/ 563999 h 2836933"/>
                  <a:gd name="connsiteX13" fmla="*/ 195599 w 1290789"/>
                  <a:gd name="connsiteY13" fmla="*/ 919423 h 2836933"/>
                  <a:gd name="connsiteX14" fmla="*/ 201734 w 1290789"/>
                  <a:gd name="connsiteY14" fmla="*/ 1757240 h 2836933"/>
                  <a:gd name="connsiteX15" fmla="*/ 1650 w 1290789"/>
                  <a:gd name="connsiteY15" fmla="*/ 949266 h 2836933"/>
                  <a:gd name="connsiteX16" fmla="*/ 408030 w 1290789"/>
                  <a:gd name="connsiteY16" fmla="*/ 13231 h 2836933"/>
                  <a:gd name="connsiteX0" fmla="*/ 431081 w 1290789"/>
                  <a:gd name="connsiteY0" fmla="*/ 1 h 2836933"/>
                  <a:gd name="connsiteX1" fmla="*/ 406357 w 1290789"/>
                  <a:gd name="connsiteY1" fmla="*/ 21745 h 2836933"/>
                  <a:gd name="connsiteX2" fmla="*/ 987235 w 1290789"/>
                  <a:gd name="connsiteY2" fmla="*/ 125167 h 2836933"/>
                  <a:gd name="connsiteX3" fmla="*/ 1287029 w 1290789"/>
                  <a:gd name="connsiteY3" fmla="*/ 952869 h 2836933"/>
                  <a:gd name="connsiteX4" fmla="*/ 1083077 w 1290789"/>
                  <a:gd name="connsiteY4" fmla="*/ 1974625 h 2836933"/>
                  <a:gd name="connsiteX5" fmla="*/ 1037527 w 1290789"/>
                  <a:gd name="connsiteY5" fmla="*/ 999620 h 2836933"/>
                  <a:gd name="connsiteX6" fmla="*/ 974139 w 1290789"/>
                  <a:gd name="connsiteY6" fmla="*/ 628451 h 2836933"/>
                  <a:gd name="connsiteX7" fmla="*/ 959719 w 1290789"/>
                  <a:gd name="connsiteY7" fmla="*/ 2643188 h 2836933"/>
                  <a:gd name="connsiteX8" fmla="*/ 616819 w 1290789"/>
                  <a:gd name="connsiteY8" fmla="*/ 2614613 h 2836933"/>
                  <a:gd name="connsiteX9" fmla="*/ 631107 w 1290789"/>
                  <a:gd name="connsiteY9" fmla="*/ 1385888 h 2836933"/>
                  <a:gd name="connsiteX10" fmla="*/ 602531 w 1290789"/>
                  <a:gd name="connsiteY10" fmla="*/ 2686051 h 2836933"/>
                  <a:gd name="connsiteX11" fmla="*/ 273919 w 1290789"/>
                  <a:gd name="connsiteY11" fmla="*/ 2586038 h 2836933"/>
                  <a:gd name="connsiteX12" fmla="*/ 251139 w 1290789"/>
                  <a:gd name="connsiteY12" fmla="*/ 1301107 h 2836933"/>
                  <a:gd name="connsiteX13" fmla="*/ 257452 w 1290789"/>
                  <a:gd name="connsiteY13" fmla="*/ 563999 h 2836933"/>
                  <a:gd name="connsiteX14" fmla="*/ 195599 w 1290789"/>
                  <a:gd name="connsiteY14" fmla="*/ 919423 h 2836933"/>
                  <a:gd name="connsiteX15" fmla="*/ 201734 w 1290789"/>
                  <a:gd name="connsiteY15" fmla="*/ 1757240 h 2836933"/>
                  <a:gd name="connsiteX16" fmla="*/ 1650 w 1290789"/>
                  <a:gd name="connsiteY16" fmla="*/ 949266 h 2836933"/>
                  <a:gd name="connsiteX17" fmla="*/ 408030 w 1290789"/>
                  <a:gd name="connsiteY17" fmla="*/ 13231 h 2836933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90789" h="2836933">
                    <a:moveTo>
                      <a:pt x="431081" y="1"/>
                    </a:moveTo>
                    <a:cubicBezTo>
                      <a:pt x="439244" y="13931"/>
                      <a:pt x="313665" y="884"/>
                      <a:pt x="406357" y="21745"/>
                    </a:cubicBezTo>
                    <a:cubicBezTo>
                      <a:pt x="499049" y="42606"/>
                      <a:pt x="840456" y="-30020"/>
                      <a:pt x="987235" y="125167"/>
                    </a:cubicBezTo>
                    <a:cubicBezTo>
                      <a:pt x="1134014" y="280354"/>
                      <a:pt x="1271055" y="644626"/>
                      <a:pt x="1287029" y="952869"/>
                    </a:cubicBezTo>
                    <a:cubicBezTo>
                      <a:pt x="1303003" y="1261112"/>
                      <a:pt x="1274042" y="2085921"/>
                      <a:pt x="1083077" y="1974625"/>
                    </a:cubicBezTo>
                    <a:cubicBezTo>
                      <a:pt x="892112" y="1863329"/>
                      <a:pt x="1113077" y="1358111"/>
                      <a:pt x="1037527" y="999620"/>
                    </a:cubicBezTo>
                    <a:cubicBezTo>
                      <a:pt x="961977" y="641129"/>
                      <a:pt x="987107" y="354523"/>
                      <a:pt x="974139" y="628451"/>
                    </a:cubicBezTo>
                    <a:cubicBezTo>
                      <a:pt x="961171" y="902379"/>
                      <a:pt x="1019272" y="2312161"/>
                      <a:pt x="959719" y="2643188"/>
                    </a:cubicBezTo>
                    <a:cubicBezTo>
                      <a:pt x="900166" y="2974215"/>
                      <a:pt x="671588" y="2824163"/>
                      <a:pt x="616819" y="2614613"/>
                    </a:cubicBezTo>
                    <a:cubicBezTo>
                      <a:pt x="562050" y="2405063"/>
                      <a:pt x="633488" y="1373982"/>
                      <a:pt x="631107" y="1385888"/>
                    </a:cubicBezTo>
                    <a:cubicBezTo>
                      <a:pt x="628726" y="1397794"/>
                      <a:pt x="662062" y="2486026"/>
                      <a:pt x="602531" y="2686051"/>
                    </a:cubicBezTo>
                    <a:cubicBezTo>
                      <a:pt x="543000" y="2886076"/>
                      <a:pt x="332484" y="2816862"/>
                      <a:pt x="273919" y="2586038"/>
                    </a:cubicBezTo>
                    <a:cubicBezTo>
                      <a:pt x="215354" y="2355214"/>
                      <a:pt x="253883" y="1638113"/>
                      <a:pt x="251139" y="1301107"/>
                    </a:cubicBezTo>
                    <a:cubicBezTo>
                      <a:pt x="248395" y="964101"/>
                      <a:pt x="266709" y="627613"/>
                      <a:pt x="257452" y="563999"/>
                    </a:cubicBezTo>
                    <a:cubicBezTo>
                      <a:pt x="248195" y="500385"/>
                      <a:pt x="203350" y="710243"/>
                      <a:pt x="195599" y="919423"/>
                    </a:cubicBezTo>
                    <a:cubicBezTo>
                      <a:pt x="187848" y="1128603"/>
                      <a:pt x="261698" y="1597669"/>
                      <a:pt x="201734" y="1757240"/>
                    </a:cubicBezTo>
                    <a:cubicBezTo>
                      <a:pt x="141770" y="1916811"/>
                      <a:pt x="-17920" y="1976033"/>
                      <a:pt x="1650" y="949266"/>
                    </a:cubicBezTo>
                    <a:cubicBezTo>
                      <a:pt x="2333" y="208797"/>
                      <a:pt x="418980" y="19404"/>
                      <a:pt x="408030" y="13231"/>
                    </a:cubicBezTo>
                  </a:path>
                </a:pathLst>
              </a:custGeom>
              <a:solidFill>
                <a:schemeClr val="accent1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SG"/>
              </a:p>
            </p:txBody>
          </p:sp>
        </p:grpSp>
        <p:grpSp>
          <p:nvGrpSpPr>
            <p:cNvPr id="39" name="Group 38"/>
            <p:cNvGrpSpPr/>
            <p:nvPr/>
          </p:nvGrpSpPr>
          <p:grpSpPr>
            <a:xfrm>
              <a:off x="1190128" y="2972723"/>
              <a:ext cx="1182708" cy="958591"/>
              <a:chOff x="1285774" y="3703977"/>
              <a:chExt cx="1182708" cy="958591"/>
            </a:xfrm>
          </p:grpSpPr>
          <p:grpSp>
            <p:nvGrpSpPr>
              <p:cNvPr id="27" name="Group 26"/>
              <p:cNvGrpSpPr/>
              <p:nvPr/>
            </p:nvGrpSpPr>
            <p:grpSpPr>
              <a:xfrm>
                <a:off x="1285774" y="3703977"/>
                <a:ext cx="488058" cy="958591"/>
                <a:chOff x="3682064" y="2728511"/>
                <a:chExt cx="488058" cy="958591"/>
              </a:xfrm>
            </p:grpSpPr>
            <p:sp>
              <p:nvSpPr>
                <p:cNvPr id="25" name="Oval 24"/>
                <p:cNvSpPr/>
                <p:nvPr/>
              </p:nvSpPr>
              <p:spPr>
                <a:xfrm>
                  <a:off x="3775697" y="2728511"/>
                  <a:ext cx="300792" cy="190387"/>
                </a:xfrm>
                <a:prstGeom prst="ellipse">
                  <a:avLst/>
                </a:prstGeom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SG"/>
                </a:p>
              </p:txBody>
            </p:sp>
            <p:sp>
              <p:nvSpPr>
                <p:cNvPr id="26" name="Freeform 25"/>
                <p:cNvSpPr/>
                <p:nvPr/>
              </p:nvSpPr>
              <p:spPr>
                <a:xfrm>
                  <a:off x="3682064" y="2918898"/>
                  <a:ext cx="488058" cy="768204"/>
                </a:xfrm>
                <a:custGeom>
                  <a:avLst/>
                  <a:gdLst>
                    <a:gd name="connsiteX0" fmla="*/ 281161 w 1870175"/>
                    <a:gd name="connsiteY0" fmla="*/ 10184 h 3799857"/>
                    <a:gd name="connsiteX1" fmla="*/ 724073 w 1870175"/>
                    <a:gd name="connsiteY1" fmla="*/ 910297 h 3799857"/>
                    <a:gd name="connsiteX2" fmla="*/ 1138411 w 1870175"/>
                    <a:gd name="connsiteY2" fmla="*/ 953159 h 3799857"/>
                    <a:gd name="connsiteX3" fmla="*/ 1681336 w 1870175"/>
                    <a:gd name="connsiteY3" fmla="*/ 38759 h 3799857"/>
                    <a:gd name="connsiteX4" fmla="*/ 1852786 w 1870175"/>
                    <a:gd name="connsiteY4" fmla="*/ 267359 h 3799857"/>
                    <a:gd name="connsiteX5" fmla="*/ 1309861 w 1870175"/>
                    <a:gd name="connsiteY5" fmla="*/ 1153184 h 3799857"/>
                    <a:gd name="connsiteX6" fmla="*/ 1281286 w 1870175"/>
                    <a:gd name="connsiteY6" fmla="*/ 3482047 h 3799857"/>
                    <a:gd name="connsiteX7" fmla="*/ 938386 w 1870175"/>
                    <a:gd name="connsiteY7" fmla="*/ 3467759 h 3799857"/>
                    <a:gd name="connsiteX8" fmla="*/ 924098 w 1870175"/>
                    <a:gd name="connsiteY8" fmla="*/ 2224747 h 3799857"/>
                    <a:gd name="connsiteX9" fmla="*/ 924098 w 1870175"/>
                    <a:gd name="connsiteY9" fmla="*/ 3539197 h 3799857"/>
                    <a:gd name="connsiteX10" fmla="*/ 595486 w 1870175"/>
                    <a:gd name="connsiteY10" fmla="*/ 3582059 h 3799857"/>
                    <a:gd name="connsiteX11" fmla="*/ 609773 w 1870175"/>
                    <a:gd name="connsiteY11" fmla="*/ 1210334 h 3799857"/>
                    <a:gd name="connsiteX12" fmla="*/ 9698 w 1870175"/>
                    <a:gd name="connsiteY12" fmla="*/ 138772 h 3799857"/>
                    <a:gd name="connsiteX13" fmla="*/ 295448 w 1870175"/>
                    <a:gd name="connsiteY13" fmla="*/ 67334 h 3799857"/>
                    <a:gd name="connsiteX0" fmla="*/ 281161 w 1870175"/>
                    <a:gd name="connsiteY0" fmla="*/ 10184 h 3710679"/>
                    <a:gd name="connsiteX1" fmla="*/ 724073 w 1870175"/>
                    <a:gd name="connsiteY1" fmla="*/ 910297 h 3710679"/>
                    <a:gd name="connsiteX2" fmla="*/ 1138411 w 1870175"/>
                    <a:gd name="connsiteY2" fmla="*/ 953159 h 3710679"/>
                    <a:gd name="connsiteX3" fmla="*/ 1681336 w 1870175"/>
                    <a:gd name="connsiteY3" fmla="*/ 38759 h 3710679"/>
                    <a:gd name="connsiteX4" fmla="*/ 1852786 w 1870175"/>
                    <a:gd name="connsiteY4" fmla="*/ 267359 h 3710679"/>
                    <a:gd name="connsiteX5" fmla="*/ 1309861 w 1870175"/>
                    <a:gd name="connsiteY5" fmla="*/ 1153184 h 3710679"/>
                    <a:gd name="connsiteX6" fmla="*/ 1281286 w 1870175"/>
                    <a:gd name="connsiteY6" fmla="*/ 3482047 h 3710679"/>
                    <a:gd name="connsiteX7" fmla="*/ 938386 w 1870175"/>
                    <a:gd name="connsiteY7" fmla="*/ 3467759 h 3710679"/>
                    <a:gd name="connsiteX8" fmla="*/ 924098 w 1870175"/>
                    <a:gd name="connsiteY8" fmla="*/ 2224747 h 3710679"/>
                    <a:gd name="connsiteX9" fmla="*/ 924098 w 1870175"/>
                    <a:gd name="connsiteY9" fmla="*/ 3539197 h 3710679"/>
                    <a:gd name="connsiteX10" fmla="*/ 595486 w 1870175"/>
                    <a:gd name="connsiteY10" fmla="*/ 3439184 h 3710679"/>
                    <a:gd name="connsiteX11" fmla="*/ 609773 w 1870175"/>
                    <a:gd name="connsiteY11" fmla="*/ 1210334 h 3710679"/>
                    <a:gd name="connsiteX12" fmla="*/ 9698 w 1870175"/>
                    <a:gd name="connsiteY12" fmla="*/ 138772 h 3710679"/>
                    <a:gd name="connsiteX13" fmla="*/ 295448 w 1870175"/>
                    <a:gd name="connsiteY13" fmla="*/ 67334 h 3710679"/>
                    <a:gd name="connsiteX0" fmla="*/ 281161 w 1870175"/>
                    <a:gd name="connsiteY0" fmla="*/ 10184 h 3714089"/>
                    <a:gd name="connsiteX1" fmla="*/ 724073 w 1870175"/>
                    <a:gd name="connsiteY1" fmla="*/ 910297 h 3714089"/>
                    <a:gd name="connsiteX2" fmla="*/ 1138411 w 1870175"/>
                    <a:gd name="connsiteY2" fmla="*/ 953159 h 3714089"/>
                    <a:gd name="connsiteX3" fmla="*/ 1681336 w 1870175"/>
                    <a:gd name="connsiteY3" fmla="*/ 38759 h 3714089"/>
                    <a:gd name="connsiteX4" fmla="*/ 1852786 w 1870175"/>
                    <a:gd name="connsiteY4" fmla="*/ 267359 h 3714089"/>
                    <a:gd name="connsiteX5" fmla="*/ 1309861 w 1870175"/>
                    <a:gd name="connsiteY5" fmla="*/ 1153184 h 3714089"/>
                    <a:gd name="connsiteX6" fmla="*/ 1281286 w 1870175"/>
                    <a:gd name="connsiteY6" fmla="*/ 3496334 h 3714089"/>
                    <a:gd name="connsiteX7" fmla="*/ 938386 w 1870175"/>
                    <a:gd name="connsiteY7" fmla="*/ 3467759 h 3714089"/>
                    <a:gd name="connsiteX8" fmla="*/ 924098 w 1870175"/>
                    <a:gd name="connsiteY8" fmla="*/ 2224747 h 3714089"/>
                    <a:gd name="connsiteX9" fmla="*/ 924098 w 1870175"/>
                    <a:gd name="connsiteY9" fmla="*/ 3539197 h 3714089"/>
                    <a:gd name="connsiteX10" fmla="*/ 595486 w 1870175"/>
                    <a:gd name="connsiteY10" fmla="*/ 3439184 h 3714089"/>
                    <a:gd name="connsiteX11" fmla="*/ 609773 w 1870175"/>
                    <a:gd name="connsiteY11" fmla="*/ 1210334 h 3714089"/>
                    <a:gd name="connsiteX12" fmla="*/ 9698 w 1870175"/>
                    <a:gd name="connsiteY12" fmla="*/ 138772 h 3714089"/>
                    <a:gd name="connsiteX13" fmla="*/ 295448 w 1870175"/>
                    <a:gd name="connsiteY13" fmla="*/ 67334 h 3714089"/>
                    <a:gd name="connsiteX0" fmla="*/ 281161 w 1870175"/>
                    <a:gd name="connsiteY0" fmla="*/ 10184 h 3710679"/>
                    <a:gd name="connsiteX1" fmla="*/ 724073 w 1870175"/>
                    <a:gd name="connsiteY1" fmla="*/ 910297 h 3710679"/>
                    <a:gd name="connsiteX2" fmla="*/ 1138411 w 1870175"/>
                    <a:gd name="connsiteY2" fmla="*/ 953159 h 3710679"/>
                    <a:gd name="connsiteX3" fmla="*/ 1681336 w 1870175"/>
                    <a:gd name="connsiteY3" fmla="*/ 38759 h 3710679"/>
                    <a:gd name="connsiteX4" fmla="*/ 1852786 w 1870175"/>
                    <a:gd name="connsiteY4" fmla="*/ 267359 h 3710679"/>
                    <a:gd name="connsiteX5" fmla="*/ 1309861 w 1870175"/>
                    <a:gd name="connsiteY5" fmla="*/ 1153184 h 3710679"/>
                    <a:gd name="connsiteX6" fmla="*/ 1281286 w 1870175"/>
                    <a:gd name="connsiteY6" fmla="*/ 3496334 h 3710679"/>
                    <a:gd name="connsiteX7" fmla="*/ 938386 w 1870175"/>
                    <a:gd name="connsiteY7" fmla="*/ 3467759 h 3710679"/>
                    <a:gd name="connsiteX8" fmla="*/ 924098 w 1870175"/>
                    <a:gd name="connsiteY8" fmla="*/ 2224747 h 3710679"/>
                    <a:gd name="connsiteX9" fmla="*/ 924098 w 1870175"/>
                    <a:gd name="connsiteY9" fmla="*/ 3539197 h 3710679"/>
                    <a:gd name="connsiteX10" fmla="*/ 595486 w 1870175"/>
                    <a:gd name="connsiteY10" fmla="*/ 3439184 h 3710679"/>
                    <a:gd name="connsiteX11" fmla="*/ 609773 w 1870175"/>
                    <a:gd name="connsiteY11" fmla="*/ 1210334 h 3710679"/>
                    <a:gd name="connsiteX12" fmla="*/ 9698 w 1870175"/>
                    <a:gd name="connsiteY12" fmla="*/ 138772 h 3710679"/>
                    <a:gd name="connsiteX13" fmla="*/ 295448 w 1870175"/>
                    <a:gd name="connsiteY13" fmla="*/ 67334 h 3710679"/>
                    <a:gd name="connsiteX0" fmla="*/ 281161 w 1870175"/>
                    <a:gd name="connsiteY0" fmla="*/ 10184 h 3695136"/>
                    <a:gd name="connsiteX1" fmla="*/ 724073 w 1870175"/>
                    <a:gd name="connsiteY1" fmla="*/ 910297 h 3695136"/>
                    <a:gd name="connsiteX2" fmla="*/ 1138411 w 1870175"/>
                    <a:gd name="connsiteY2" fmla="*/ 953159 h 3695136"/>
                    <a:gd name="connsiteX3" fmla="*/ 1681336 w 1870175"/>
                    <a:gd name="connsiteY3" fmla="*/ 38759 h 3695136"/>
                    <a:gd name="connsiteX4" fmla="*/ 1852786 w 1870175"/>
                    <a:gd name="connsiteY4" fmla="*/ 267359 h 3695136"/>
                    <a:gd name="connsiteX5" fmla="*/ 1309861 w 1870175"/>
                    <a:gd name="connsiteY5" fmla="*/ 1153184 h 3695136"/>
                    <a:gd name="connsiteX6" fmla="*/ 1281286 w 1870175"/>
                    <a:gd name="connsiteY6" fmla="*/ 3496334 h 3695136"/>
                    <a:gd name="connsiteX7" fmla="*/ 938386 w 1870175"/>
                    <a:gd name="connsiteY7" fmla="*/ 3467759 h 3695136"/>
                    <a:gd name="connsiteX8" fmla="*/ 924098 w 1870175"/>
                    <a:gd name="connsiteY8" fmla="*/ 2224747 h 3695136"/>
                    <a:gd name="connsiteX9" fmla="*/ 924098 w 1870175"/>
                    <a:gd name="connsiteY9" fmla="*/ 3539197 h 3695136"/>
                    <a:gd name="connsiteX10" fmla="*/ 595486 w 1870175"/>
                    <a:gd name="connsiteY10" fmla="*/ 3439184 h 3695136"/>
                    <a:gd name="connsiteX11" fmla="*/ 609773 w 1870175"/>
                    <a:gd name="connsiteY11" fmla="*/ 1210334 h 3695136"/>
                    <a:gd name="connsiteX12" fmla="*/ 9698 w 1870175"/>
                    <a:gd name="connsiteY12" fmla="*/ 138772 h 3695136"/>
                    <a:gd name="connsiteX13" fmla="*/ 295448 w 1870175"/>
                    <a:gd name="connsiteY13" fmla="*/ 67334 h 3695136"/>
                    <a:gd name="connsiteX0" fmla="*/ 281161 w 1870175"/>
                    <a:gd name="connsiteY0" fmla="*/ 10184 h 3694199"/>
                    <a:gd name="connsiteX1" fmla="*/ 724073 w 1870175"/>
                    <a:gd name="connsiteY1" fmla="*/ 91029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95536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70175"/>
                    <a:gd name="connsiteY0" fmla="*/ 10184 h 3694199"/>
                    <a:gd name="connsiteX1" fmla="*/ 724073 w 1870175"/>
                    <a:gd name="connsiteY1" fmla="*/ 91029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52674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70175"/>
                    <a:gd name="connsiteY0" fmla="*/ 10184 h 3694199"/>
                    <a:gd name="connsiteX1" fmla="*/ 752648 w 1870175"/>
                    <a:gd name="connsiteY1" fmla="*/ 85314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52674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3912"/>
                    <a:gd name="connsiteY0" fmla="*/ 947 h 3684962"/>
                    <a:gd name="connsiteX1" fmla="*/ 752648 w 1863912"/>
                    <a:gd name="connsiteY1" fmla="*/ 843910 h 3684962"/>
                    <a:gd name="connsiteX2" fmla="*/ 1195561 w 1863912"/>
                    <a:gd name="connsiteY2" fmla="*/ 872484 h 3684962"/>
                    <a:gd name="connsiteX3" fmla="*/ 1638473 w 1863912"/>
                    <a:gd name="connsiteY3" fmla="*/ 129535 h 3684962"/>
                    <a:gd name="connsiteX4" fmla="*/ 1852786 w 1863912"/>
                    <a:gd name="connsiteY4" fmla="*/ 258122 h 3684962"/>
                    <a:gd name="connsiteX5" fmla="*/ 1309861 w 1863912"/>
                    <a:gd name="connsiteY5" fmla="*/ 1143947 h 3684962"/>
                    <a:gd name="connsiteX6" fmla="*/ 1281286 w 1863912"/>
                    <a:gd name="connsiteY6" fmla="*/ 3487097 h 3684962"/>
                    <a:gd name="connsiteX7" fmla="*/ 938386 w 1863912"/>
                    <a:gd name="connsiteY7" fmla="*/ 3458522 h 3684962"/>
                    <a:gd name="connsiteX8" fmla="*/ 952674 w 1863912"/>
                    <a:gd name="connsiteY8" fmla="*/ 2229797 h 3684962"/>
                    <a:gd name="connsiteX9" fmla="*/ 924098 w 1863912"/>
                    <a:gd name="connsiteY9" fmla="*/ 3529960 h 3684962"/>
                    <a:gd name="connsiteX10" fmla="*/ 595486 w 1863912"/>
                    <a:gd name="connsiteY10" fmla="*/ 3429947 h 3684962"/>
                    <a:gd name="connsiteX11" fmla="*/ 609773 w 1863912"/>
                    <a:gd name="connsiteY11" fmla="*/ 1201097 h 3684962"/>
                    <a:gd name="connsiteX12" fmla="*/ 9698 w 1863912"/>
                    <a:gd name="connsiteY12" fmla="*/ 129535 h 3684962"/>
                    <a:gd name="connsiteX13" fmla="*/ 295448 w 1863912"/>
                    <a:gd name="connsiteY13" fmla="*/ 58097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242888 w 1863912"/>
                    <a:gd name="connsiteY13" fmla="*/ 28466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42950 w 1863912"/>
                    <a:gd name="connsiteY13" fmla="*/ 871429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42950 w 1863912"/>
                    <a:gd name="connsiteY13" fmla="*/ 871429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71525 w 1863912"/>
                    <a:gd name="connsiteY13" fmla="*/ 842854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857250 w 1863912"/>
                    <a:gd name="connsiteY13" fmla="*/ 742842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57237 w 1863912"/>
                    <a:gd name="connsiteY13" fmla="*/ 857142 h 3684962"/>
                    <a:gd name="connsiteX0" fmla="*/ 752083 w 1863347"/>
                    <a:gd name="connsiteY0" fmla="*/ 872680 h 3713732"/>
                    <a:gd name="connsiteX1" fmla="*/ 1194996 w 1863347"/>
                    <a:gd name="connsiteY1" fmla="*/ 901254 h 3713732"/>
                    <a:gd name="connsiteX2" fmla="*/ 1637908 w 1863347"/>
                    <a:gd name="connsiteY2" fmla="*/ 158305 h 3713732"/>
                    <a:gd name="connsiteX3" fmla="*/ 1852221 w 1863347"/>
                    <a:gd name="connsiteY3" fmla="*/ 286892 h 3713732"/>
                    <a:gd name="connsiteX4" fmla="*/ 1309296 w 1863347"/>
                    <a:gd name="connsiteY4" fmla="*/ 1172717 h 3713732"/>
                    <a:gd name="connsiteX5" fmla="*/ 1280721 w 1863347"/>
                    <a:gd name="connsiteY5" fmla="*/ 3515867 h 3713732"/>
                    <a:gd name="connsiteX6" fmla="*/ 937821 w 1863347"/>
                    <a:gd name="connsiteY6" fmla="*/ 3487292 h 3713732"/>
                    <a:gd name="connsiteX7" fmla="*/ 952109 w 1863347"/>
                    <a:gd name="connsiteY7" fmla="*/ 2258567 h 3713732"/>
                    <a:gd name="connsiteX8" fmla="*/ 923533 w 1863347"/>
                    <a:gd name="connsiteY8" fmla="*/ 3558730 h 3713732"/>
                    <a:gd name="connsiteX9" fmla="*/ 594921 w 1863347"/>
                    <a:gd name="connsiteY9" fmla="*/ 3458717 h 3713732"/>
                    <a:gd name="connsiteX10" fmla="*/ 609208 w 1863347"/>
                    <a:gd name="connsiteY10" fmla="*/ 1229867 h 3713732"/>
                    <a:gd name="connsiteX11" fmla="*/ 9133 w 1863347"/>
                    <a:gd name="connsiteY11" fmla="*/ 158305 h 3713732"/>
                    <a:gd name="connsiteX12" fmla="*/ 294883 w 1863347"/>
                    <a:gd name="connsiteY12" fmla="*/ 86867 h 3713732"/>
                    <a:gd name="connsiteX13" fmla="*/ 756672 w 1863347"/>
                    <a:gd name="connsiteY13" fmla="*/ 885912 h 3713732"/>
                    <a:gd name="connsiteX0" fmla="*/ 752083 w 1639561"/>
                    <a:gd name="connsiteY0" fmla="*/ 872680 h 3713732"/>
                    <a:gd name="connsiteX1" fmla="*/ 1194996 w 1639561"/>
                    <a:gd name="connsiteY1" fmla="*/ 901254 h 3713732"/>
                    <a:gd name="connsiteX2" fmla="*/ 1637908 w 1639561"/>
                    <a:gd name="connsiteY2" fmla="*/ 158305 h 3713732"/>
                    <a:gd name="connsiteX3" fmla="*/ 1344329 w 1639561"/>
                    <a:gd name="connsiteY3" fmla="*/ 2847304 h 3713732"/>
                    <a:gd name="connsiteX4" fmla="*/ 1309296 w 1639561"/>
                    <a:gd name="connsiteY4" fmla="*/ 1172717 h 3713732"/>
                    <a:gd name="connsiteX5" fmla="*/ 1280721 w 1639561"/>
                    <a:gd name="connsiteY5" fmla="*/ 3515867 h 3713732"/>
                    <a:gd name="connsiteX6" fmla="*/ 937821 w 1639561"/>
                    <a:gd name="connsiteY6" fmla="*/ 3487292 h 3713732"/>
                    <a:gd name="connsiteX7" fmla="*/ 952109 w 1639561"/>
                    <a:gd name="connsiteY7" fmla="*/ 2258567 h 3713732"/>
                    <a:gd name="connsiteX8" fmla="*/ 923533 w 1639561"/>
                    <a:gd name="connsiteY8" fmla="*/ 3558730 h 3713732"/>
                    <a:gd name="connsiteX9" fmla="*/ 594921 w 1639561"/>
                    <a:gd name="connsiteY9" fmla="*/ 3458717 h 3713732"/>
                    <a:gd name="connsiteX10" fmla="*/ 609208 w 1639561"/>
                    <a:gd name="connsiteY10" fmla="*/ 1229867 h 3713732"/>
                    <a:gd name="connsiteX11" fmla="*/ 9133 w 1639561"/>
                    <a:gd name="connsiteY11" fmla="*/ 158305 h 3713732"/>
                    <a:gd name="connsiteX12" fmla="*/ 294883 w 1639561"/>
                    <a:gd name="connsiteY12" fmla="*/ 86867 h 3713732"/>
                    <a:gd name="connsiteX13" fmla="*/ 756672 w 1639561"/>
                    <a:gd name="connsiteY13" fmla="*/ 885912 h 3713732"/>
                    <a:gd name="connsiteX0" fmla="*/ 752083 w 1580163"/>
                    <a:gd name="connsiteY0" fmla="*/ 872680 h 3713732"/>
                    <a:gd name="connsiteX1" fmla="*/ 1194996 w 1580163"/>
                    <a:gd name="connsiteY1" fmla="*/ 901254 h 3713732"/>
                    <a:gd name="connsiteX2" fmla="*/ 1578155 w 1580163"/>
                    <a:gd name="connsiteY2" fmla="*/ 1468283 h 3713732"/>
                    <a:gd name="connsiteX3" fmla="*/ 1344329 w 1580163"/>
                    <a:gd name="connsiteY3" fmla="*/ 2847304 h 3713732"/>
                    <a:gd name="connsiteX4" fmla="*/ 1309296 w 1580163"/>
                    <a:gd name="connsiteY4" fmla="*/ 1172717 h 3713732"/>
                    <a:gd name="connsiteX5" fmla="*/ 1280721 w 1580163"/>
                    <a:gd name="connsiteY5" fmla="*/ 3515867 h 3713732"/>
                    <a:gd name="connsiteX6" fmla="*/ 937821 w 1580163"/>
                    <a:gd name="connsiteY6" fmla="*/ 3487292 h 3713732"/>
                    <a:gd name="connsiteX7" fmla="*/ 952109 w 1580163"/>
                    <a:gd name="connsiteY7" fmla="*/ 2258567 h 3713732"/>
                    <a:gd name="connsiteX8" fmla="*/ 923533 w 1580163"/>
                    <a:gd name="connsiteY8" fmla="*/ 3558730 h 3713732"/>
                    <a:gd name="connsiteX9" fmla="*/ 594921 w 1580163"/>
                    <a:gd name="connsiteY9" fmla="*/ 3458717 h 3713732"/>
                    <a:gd name="connsiteX10" fmla="*/ 609208 w 1580163"/>
                    <a:gd name="connsiteY10" fmla="*/ 1229867 h 3713732"/>
                    <a:gd name="connsiteX11" fmla="*/ 9133 w 1580163"/>
                    <a:gd name="connsiteY11" fmla="*/ 158305 h 3713732"/>
                    <a:gd name="connsiteX12" fmla="*/ 294883 w 1580163"/>
                    <a:gd name="connsiteY12" fmla="*/ 86867 h 3713732"/>
                    <a:gd name="connsiteX13" fmla="*/ 756672 w 1580163"/>
                    <a:gd name="connsiteY13" fmla="*/ 885912 h 3713732"/>
                    <a:gd name="connsiteX0" fmla="*/ 752083 w 2094644"/>
                    <a:gd name="connsiteY0" fmla="*/ 872680 h 3713732"/>
                    <a:gd name="connsiteX1" fmla="*/ 1194996 w 2094644"/>
                    <a:gd name="connsiteY1" fmla="*/ 901254 h 3713732"/>
                    <a:gd name="connsiteX2" fmla="*/ 1578155 w 2094644"/>
                    <a:gd name="connsiteY2" fmla="*/ 1468283 h 3713732"/>
                    <a:gd name="connsiteX3" fmla="*/ 2091231 w 2094644"/>
                    <a:gd name="connsiteY3" fmla="*/ 2787762 h 3713732"/>
                    <a:gd name="connsiteX4" fmla="*/ 1309296 w 2094644"/>
                    <a:gd name="connsiteY4" fmla="*/ 1172717 h 3713732"/>
                    <a:gd name="connsiteX5" fmla="*/ 1280721 w 2094644"/>
                    <a:gd name="connsiteY5" fmla="*/ 3515867 h 3713732"/>
                    <a:gd name="connsiteX6" fmla="*/ 937821 w 2094644"/>
                    <a:gd name="connsiteY6" fmla="*/ 3487292 h 3713732"/>
                    <a:gd name="connsiteX7" fmla="*/ 952109 w 2094644"/>
                    <a:gd name="connsiteY7" fmla="*/ 2258567 h 3713732"/>
                    <a:gd name="connsiteX8" fmla="*/ 923533 w 2094644"/>
                    <a:gd name="connsiteY8" fmla="*/ 3558730 h 3713732"/>
                    <a:gd name="connsiteX9" fmla="*/ 594921 w 2094644"/>
                    <a:gd name="connsiteY9" fmla="*/ 3458717 h 3713732"/>
                    <a:gd name="connsiteX10" fmla="*/ 609208 w 2094644"/>
                    <a:gd name="connsiteY10" fmla="*/ 1229867 h 3713732"/>
                    <a:gd name="connsiteX11" fmla="*/ 9133 w 2094644"/>
                    <a:gd name="connsiteY11" fmla="*/ 158305 h 3713732"/>
                    <a:gd name="connsiteX12" fmla="*/ 294883 w 2094644"/>
                    <a:gd name="connsiteY12" fmla="*/ 86867 h 3713732"/>
                    <a:gd name="connsiteX13" fmla="*/ 756672 w 2094644"/>
                    <a:gd name="connsiteY13" fmla="*/ 885912 h 3713732"/>
                    <a:gd name="connsiteX0" fmla="*/ 752083 w 1771469"/>
                    <a:gd name="connsiteY0" fmla="*/ 872680 h 3713732"/>
                    <a:gd name="connsiteX1" fmla="*/ 1194996 w 1771469"/>
                    <a:gd name="connsiteY1" fmla="*/ 901254 h 3713732"/>
                    <a:gd name="connsiteX2" fmla="*/ 1578155 w 1771469"/>
                    <a:gd name="connsiteY2" fmla="*/ 1468283 h 3713732"/>
                    <a:gd name="connsiteX3" fmla="*/ 1762593 w 1771469"/>
                    <a:gd name="connsiteY3" fmla="*/ 3323662 h 3713732"/>
                    <a:gd name="connsiteX4" fmla="*/ 1309296 w 1771469"/>
                    <a:gd name="connsiteY4" fmla="*/ 1172717 h 3713732"/>
                    <a:gd name="connsiteX5" fmla="*/ 1280721 w 1771469"/>
                    <a:gd name="connsiteY5" fmla="*/ 3515867 h 3713732"/>
                    <a:gd name="connsiteX6" fmla="*/ 937821 w 1771469"/>
                    <a:gd name="connsiteY6" fmla="*/ 3487292 h 3713732"/>
                    <a:gd name="connsiteX7" fmla="*/ 952109 w 1771469"/>
                    <a:gd name="connsiteY7" fmla="*/ 2258567 h 3713732"/>
                    <a:gd name="connsiteX8" fmla="*/ 923533 w 1771469"/>
                    <a:gd name="connsiteY8" fmla="*/ 3558730 h 3713732"/>
                    <a:gd name="connsiteX9" fmla="*/ 594921 w 1771469"/>
                    <a:gd name="connsiteY9" fmla="*/ 3458717 h 3713732"/>
                    <a:gd name="connsiteX10" fmla="*/ 609208 w 1771469"/>
                    <a:gd name="connsiteY10" fmla="*/ 1229867 h 3713732"/>
                    <a:gd name="connsiteX11" fmla="*/ 9133 w 1771469"/>
                    <a:gd name="connsiteY11" fmla="*/ 158305 h 3713732"/>
                    <a:gd name="connsiteX12" fmla="*/ 294883 w 1771469"/>
                    <a:gd name="connsiteY12" fmla="*/ 86867 h 3713732"/>
                    <a:gd name="connsiteX13" fmla="*/ 756672 w 1771469"/>
                    <a:gd name="connsiteY13" fmla="*/ 885912 h 3713732"/>
                    <a:gd name="connsiteX0" fmla="*/ 752083 w 1762925"/>
                    <a:gd name="connsiteY0" fmla="*/ 872680 h 3713732"/>
                    <a:gd name="connsiteX1" fmla="*/ 1194996 w 1762925"/>
                    <a:gd name="connsiteY1" fmla="*/ 901254 h 3713732"/>
                    <a:gd name="connsiteX2" fmla="*/ 1578155 w 1762925"/>
                    <a:gd name="connsiteY2" fmla="*/ 1468283 h 3713732"/>
                    <a:gd name="connsiteX3" fmla="*/ 1762593 w 1762925"/>
                    <a:gd name="connsiteY3" fmla="*/ 3323662 h 3713732"/>
                    <a:gd name="connsiteX4" fmla="*/ 1537787 w 1762925"/>
                    <a:gd name="connsiteY4" fmla="*/ 2110476 h 3713732"/>
                    <a:gd name="connsiteX5" fmla="*/ 1309296 w 1762925"/>
                    <a:gd name="connsiteY5" fmla="*/ 1172717 h 3713732"/>
                    <a:gd name="connsiteX6" fmla="*/ 1280721 w 1762925"/>
                    <a:gd name="connsiteY6" fmla="*/ 3515867 h 3713732"/>
                    <a:gd name="connsiteX7" fmla="*/ 937821 w 1762925"/>
                    <a:gd name="connsiteY7" fmla="*/ 3487292 h 3713732"/>
                    <a:gd name="connsiteX8" fmla="*/ 952109 w 1762925"/>
                    <a:gd name="connsiteY8" fmla="*/ 2258567 h 3713732"/>
                    <a:gd name="connsiteX9" fmla="*/ 923533 w 1762925"/>
                    <a:gd name="connsiteY9" fmla="*/ 3558730 h 3713732"/>
                    <a:gd name="connsiteX10" fmla="*/ 594921 w 1762925"/>
                    <a:gd name="connsiteY10" fmla="*/ 3458717 h 3713732"/>
                    <a:gd name="connsiteX11" fmla="*/ 609208 w 1762925"/>
                    <a:gd name="connsiteY11" fmla="*/ 1229867 h 3713732"/>
                    <a:gd name="connsiteX12" fmla="*/ 9133 w 1762925"/>
                    <a:gd name="connsiteY12" fmla="*/ 158305 h 3713732"/>
                    <a:gd name="connsiteX13" fmla="*/ 294883 w 1762925"/>
                    <a:gd name="connsiteY13" fmla="*/ 86867 h 3713732"/>
                    <a:gd name="connsiteX14" fmla="*/ 756672 w 1762925"/>
                    <a:gd name="connsiteY14" fmla="*/ 885912 h 3713732"/>
                    <a:gd name="connsiteX0" fmla="*/ 752083 w 1765323"/>
                    <a:gd name="connsiteY0" fmla="*/ 872680 h 3713732"/>
                    <a:gd name="connsiteX1" fmla="*/ 1194996 w 1765323"/>
                    <a:gd name="connsiteY1" fmla="*/ 901254 h 3713732"/>
                    <a:gd name="connsiteX2" fmla="*/ 1578155 w 1765323"/>
                    <a:gd name="connsiteY2" fmla="*/ 1468283 h 3713732"/>
                    <a:gd name="connsiteX3" fmla="*/ 1762593 w 1765323"/>
                    <a:gd name="connsiteY3" fmla="*/ 3323662 h 3713732"/>
                    <a:gd name="connsiteX4" fmla="*/ 1448158 w 1765323"/>
                    <a:gd name="connsiteY4" fmla="*/ 2170023 h 3713732"/>
                    <a:gd name="connsiteX5" fmla="*/ 1309296 w 1765323"/>
                    <a:gd name="connsiteY5" fmla="*/ 1172717 h 3713732"/>
                    <a:gd name="connsiteX6" fmla="*/ 1280721 w 1765323"/>
                    <a:gd name="connsiteY6" fmla="*/ 3515867 h 3713732"/>
                    <a:gd name="connsiteX7" fmla="*/ 937821 w 1765323"/>
                    <a:gd name="connsiteY7" fmla="*/ 3487292 h 3713732"/>
                    <a:gd name="connsiteX8" fmla="*/ 952109 w 1765323"/>
                    <a:gd name="connsiteY8" fmla="*/ 2258567 h 3713732"/>
                    <a:gd name="connsiteX9" fmla="*/ 923533 w 1765323"/>
                    <a:gd name="connsiteY9" fmla="*/ 3558730 h 3713732"/>
                    <a:gd name="connsiteX10" fmla="*/ 594921 w 1765323"/>
                    <a:gd name="connsiteY10" fmla="*/ 3458717 h 3713732"/>
                    <a:gd name="connsiteX11" fmla="*/ 609208 w 1765323"/>
                    <a:gd name="connsiteY11" fmla="*/ 1229867 h 3713732"/>
                    <a:gd name="connsiteX12" fmla="*/ 9133 w 1765323"/>
                    <a:gd name="connsiteY12" fmla="*/ 158305 h 3713732"/>
                    <a:gd name="connsiteX13" fmla="*/ 294883 w 1765323"/>
                    <a:gd name="connsiteY13" fmla="*/ 86867 h 3713732"/>
                    <a:gd name="connsiteX14" fmla="*/ 756672 w 1765323"/>
                    <a:gd name="connsiteY14" fmla="*/ 885912 h 3713732"/>
                    <a:gd name="connsiteX0" fmla="*/ 752083 w 1582466"/>
                    <a:gd name="connsiteY0" fmla="*/ 872680 h 3713732"/>
                    <a:gd name="connsiteX1" fmla="*/ 1194996 w 1582466"/>
                    <a:gd name="connsiteY1" fmla="*/ 901254 h 3713732"/>
                    <a:gd name="connsiteX2" fmla="*/ 1578155 w 1582466"/>
                    <a:gd name="connsiteY2" fmla="*/ 1468283 h 3713732"/>
                    <a:gd name="connsiteX3" fmla="*/ 1404079 w 1582466"/>
                    <a:gd name="connsiteY3" fmla="*/ 2847304 h 3713732"/>
                    <a:gd name="connsiteX4" fmla="*/ 1448158 w 1582466"/>
                    <a:gd name="connsiteY4" fmla="*/ 2170023 h 3713732"/>
                    <a:gd name="connsiteX5" fmla="*/ 1309296 w 1582466"/>
                    <a:gd name="connsiteY5" fmla="*/ 1172717 h 3713732"/>
                    <a:gd name="connsiteX6" fmla="*/ 1280721 w 1582466"/>
                    <a:gd name="connsiteY6" fmla="*/ 3515867 h 3713732"/>
                    <a:gd name="connsiteX7" fmla="*/ 937821 w 1582466"/>
                    <a:gd name="connsiteY7" fmla="*/ 3487292 h 3713732"/>
                    <a:gd name="connsiteX8" fmla="*/ 952109 w 1582466"/>
                    <a:gd name="connsiteY8" fmla="*/ 2258567 h 3713732"/>
                    <a:gd name="connsiteX9" fmla="*/ 923533 w 1582466"/>
                    <a:gd name="connsiteY9" fmla="*/ 3558730 h 3713732"/>
                    <a:gd name="connsiteX10" fmla="*/ 594921 w 1582466"/>
                    <a:gd name="connsiteY10" fmla="*/ 3458717 h 3713732"/>
                    <a:gd name="connsiteX11" fmla="*/ 609208 w 1582466"/>
                    <a:gd name="connsiteY11" fmla="*/ 1229867 h 3713732"/>
                    <a:gd name="connsiteX12" fmla="*/ 9133 w 1582466"/>
                    <a:gd name="connsiteY12" fmla="*/ 158305 h 3713732"/>
                    <a:gd name="connsiteX13" fmla="*/ 294883 w 1582466"/>
                    <a:gd name="connsiteY13" fmla="*/ 86867 h 3713732"/>
                    <a:gd name="connsiteX14" fmla="*/ 756672 w 1582466"/>
                    <a:gd name="connsiteY14" fmla="*/ 885912 h 3713732"/>
                    <a:gd name="connsiteX0" fmla="*/ 752083 w 1582779"/>
                    <a:gd name="connsiteY0" fmla="*/ 872680 h 3713732"/>
                    <a:gd name="connsiteX1" fmla="*/ 1194996 w 1582779"/>
                    <a:gd name="connsiteY1" fmla="*/ 901254 h 3713732"/>
                    <a:gd name="connsiteX2" fmla="*/ 1578155 w 1582779"/>
                    <a:gd name="connsiteY2" fmla="*/ 1468283 h 3713732"/>
                    <a:gd name="connsiteX3" fmla="*/ 1404079 w 1582779"/>
                    <a:gd name="connsiteY3" fmla="*/ 2847304 h 3713732"/>
                    <a:gd name="connsiteX4" fmla="*/ 1358529 w 1582779"/>
                    <a:gd name="connsiteY4" fmla="*/ 1872299 h 3713732"/>
                    <a:gd name="connsiteX5" fmla="*/ 1309296 w 1582779"/>
                    <a:gd name="connsiteY5" fmla="*/ 1172717 h 3713732"/>
                    <a:gd name="connsiteX6" fmla="*/ 1280721 w 1582779"/>
                    <a:gd name="connsiteY6" fmla="*/ 3515867 h 3713732"/>
                    <a:gd name="connsiteX7" fmla="*/ 937821 w 1582779"/>
                    <a:gd name="connsiteY7" fmla="*/ 3487292 h 3713732"/>
                    <a:gd name="connsiteX8" fmla="*/ 952109 w 1582779"/>
                    <a:gd name="connsiteY8" fmla="*/ 2258567 h 3713732"/>
                    <a:gd name="connsiteX9" fmla="*/ 923533 w 1582779"/>
                    <a:gd name="connsiteY9" fmla="*/ 3558730 h 3713732"/>
                    <a:gd name="connsiteX10" fmla="*/ 594921 w 1582779"/>
                    <a:gd name="connsiteY10" fmla="*/ 3458717 h 3713732"/>
                    <a:gd name="connsiteX11" fmla="*/ 609208 w 1582779"/>
                    <a:gd name="connsiteY11" fmla="*/ 1229867 h 3713732"/>
                    <a:gd name="connsiteX12" fmla="*/ 9133 w 1582779"/>
                    <a:gd name="connsiteY12" fmla="*/ 158305 h 3713732"/>
                    <a:gd name="connsiteX13" fmla="*/ 294883 w 1582779"/>
                    <a:gd name="connsiteY13" fmla="*/ 86867 h 3713732"/>
                    <a:gd name="connsiteX14" fmla="*/ 756672 w 1582779"/>
                    <a:gd name="connsiteY14" fmla="*/ 885912 h 3713732"/>
                    <a:gd name="connsiteX0" fmla="*/ 752083 w 1612136"/>
                    <a:gd name="connsiteY0" fmla="*/ 872680 h 3713732"/>
                    <a:gd name="connsiteX1" fmla="*/ 1194996 w 1612136"/>
                    <a:gd name="connsiteY1" fmla="*/ 901254 h 3713732"/>
                    <a:gd name="connsiteX2" fmla="*/ 1608031 w 1612136"/>
                    <a:gd name="connsiteY2" fmla="*/ 1825548 h 3713732"/>
                    <a:gd name="connsiteX3" fmla="*/ 1404079 w 1612136"/>
                    <a:gd name="connsiteY3" fmla="*/ 2847304 h 3713732"/>
                    <a:gd name="connsiteX4" fmla="*/ 1358529 w 1612136"/>
                    <a:gd name="connsiteY4" fmla="*/ 1872299 h 3713732"/>
                    <a:gd name="connsiteX5" fmla="*/ 1309296 w 1612136"/>
                    <a:gd name="connsiteY5" fmla="*/ 1172717 h 3713732"/>
                    <a:gd name="connsiteX6" fmla="*/ 1280721 w 1612136"/>
                    <a:gd name="connsiteY6" fmla="*/ 3515867 h 3713732"/>
                    <a:gd name="connsiteX7" fmla="*/ 937821 w 1612136"/>
                    <a:gd name="connsiteY7" fmla="*/ 3487292 h 3713732"/>
                    <a:gd name="connsiteX8" fmla="*/ 952109 w 1612136"/>
                    <a:gd name="connsiteY8" fmla="*/ 2258567 h 3713732"/>
                    <a:gd name="connsiteX9" fmla="*/ 923533 w 1612136"/>
                    <a:gd name="connsiteY9" fmla="*/ 3558730 h 3713732"/>
                    <a:gd name="connsiteX10" fmla="*/ 594921 w 1612136"/>
                    <a:gd name="connsiteY10" fmla="*/ 3458717 h 3713732"/>
                    <a:gd name="connsiteX11" fmla="*/ 609208 w 1612136"/>
                    <a:gd name="connsiteY11" fmla="*/ 1229867 h 3713732"/>
                    <a:gd name="connsiteX12" fmla="*/ 9133 w 1612136"/>
                    <a:gd name="connsiteY12" fmla="*/ 158305 h 3713732"/>
                    <a:gd name="connsiteX13" fmla="*/ 294883 w 1612136"/>
                    <a:gd name="connsiteY13" fmla="*/ 86867 h 3713732"/>
                    <a:gd name="connsiteX14" fmla="*/ 756672 w 1612136"/>
                    <a:gd name="connsiteY14" fmla="*/ 885912 h 3713732"/>
                    <a:gd name="connsiteX0" fmla="*/ 752083 w 1618536"/>
                    <a:gd name="connsiteY0" fmla="*/ 872680 h 3713732"/>
                    <a:gd name="connsiteX1" fmla="*/ 1194996 w 1618536"/>
                    <a:gd name="connsiteY1" fmla="*/ 901254 h 3713732"/>
                    <a:gd name="connsiteX2" fmla="*/ 1608031 w 1618536"/>
                    <a:gd name="connsiteY2" fmla="*/ 1825548 h 3713732"/>
                    <a:gd name="connsiteX3" fmla="*/ 1404079 w 1618536"/>
                    <a:gd name="connsiteY3" fmla="*/ 2847304 h 3713732"/>
                    <a:gd name="connsiteX4" fmla="*/ 1358529 w 1618536"/>
                    <a:gd name="connsiteY4" fmla="*/ 1872299 h 3713732"/>
                    <a:gd name="connsiteX5" fmla="*/ 1309296 w 1618536"/>
                    <a:gd name="connsiteY5" fmla="*/ 1172717 h 3713732"/>
                    <a:gd name="connsiteX6" fmla="*/ 1280721 w 1618536"/>
                    <a:gd name="connsiteY6" fmla="*/ 3515867 h 3713732"/>
                    <a:gd name="connsiteX7" fmla="*/ 937821 w 1618536"/>
                    <a:gd name="connsiteY7" fmla="*/ 3487292 h 3713732"/>
                    <a:gd name="connsiteX8" fmla="*/ 952109 w 1618536"/>
                    <a:gd name="connsiteY8" fmla="*/ 2258567 h 3713732"/>
                    <a:gd name="connsiteX9" fmla="*/ 923533 w 1618536"/>
                    <a:gd name="connsiteY9" fmla="*/ 3558730 h 3713732"/>
                    <a:gd name="connsiteX10" fmla="*/ 594921 w 1618536"/>
                    <a:gd name="connsiteY10" fmla="*/ 3458717 h 3713732"/>
                    <a:gd name="connsiteX11" fmla="*/ 609208 w 1618536"/>
                    <a:gd name="connsiteY11" fmla="*/ 1229867 h 3713732"/>
                    <a:gd name="connsiteX12" fmla="*/ 9133 w 1618536"/>
                    <a:gd name="connsiteY12" fmla="*/ 158305 h 3713732"/>
                    <a:gd name="connsiteX13" fmla="*/ 294883 w 1618536"/>
                    <a:gd name="connsiteY13" fmla="*/ 86867 h 3713732"/>
                    <a:gd name="connsiteX14" fmla="*/ 756672 w 1618536"/>
                    <a:gd name="connsiteY14" fmla="*/ 885912 h 3713732"/>
                    <a:gd name="connsiteX0" fmla="*/ 752083 w 1618537"/>
                    <a:gd name="connsiteY0" fmla="*/ 872680 h 3713732"/>
                    <a:gd name="connsiteX1" fmla="*/ 1194996 w 1618537"/>
                    <a:gd name="connsiteY1" fmla="*/ 901254 h 3713732"/>
                    <a:gd name="connsiteX2" fmla="*/ 1608031 w 1618537"/>
                    <a:gd name="connsiteY2" fmla="*/ 1825548 h 3713732"/>
                    <a:gd name="connsiteX3" fmla="*/ 1404079 w 1618537"/>
                    <a:gd name="connsiteY3" fmla="*/ 2847304 h 3713732"/>
                    <a:gd name="connsiteX4" fmla="*/ 1358529 w 1618537"/>
                    <a:gd name="connsiteY4" fmla="*/ 1872299 h 3713732"/>
                    <a:gd name="connsiteX5" fmla="*/ 1295141 w 1618537"/>
                    <a:gd name="connsiteY5" fmla="*/ 1501130 h 3713732"/>
                    <a:gd name="connsiteX6" fmla="*/ 1280721 w 1618537"/>
                    <a:gd name="connsiteY6" fmla="*/ 3515867 h 3713732"/>
                    <a:gd name="connsiteX7" fmla="*/ 937821 w 1618537"/>
                    <a:gd name="connsiteY7" fmla="*/ 3487292 h 3713732"/>
                    <a:gd name="connsiteX8" fmla="*/ 952109 w 1618537"/>
                    <a:gd name="connsiteY8" fmla="*/ 2258567 h 3713732"/>
                    <a:gd name="connsiteX9" fmla="*/ 923533 w 1618537"/>
                    <a:gd name="connsiteY9" fmla="*/ 3558730 h 3713732"/>
                    <a:gd name="connsiteX10" fmla="*/ 594921 w 1618537"/>
                    <a:gd name="connsiteY10" fmla="*/ 3458717 h 3713732"/>
                    <a:gd name="connsiteX11" fmla="*/ 609208 w 1618537"/>
                    <a:gd name="connsiteY11" fmla="*/ 1229867 h 3713732"/>
                    <a:gd name="connsiteX12" fmla="*/ 9133 w 1618537"/>
                    <a:gd name="connsiteY12" fmla="*/ 158305 h 3713732"/>
                    <a:gd name="connsiteX13" fmla="*/ 294883 w 1618537"/>
                    <a:gd name="connsiteY13" fmla="*/ 86867 h 3713732"/>
                    <a:gd name="connsiteX14" fmla="*/ 756672 w 1618537"/>
                    <a:gd name="connsiteY14" fmla="*/ 885912 h 3713732"/>
                    <a:gd name="connsiteX0" fmla="*/ 752083 w 1611791"/>
                    <a:gd name="connsiteY0" fmla="*/ 872680 h 3713732"/>
                    <a:gd name="connsiteX1" fmla="*/ 1308237 w 1611791"/>
                    <a:gd name="connsiteY1" fmla="*/ 997846 h 3713732"/>
                    <a:gd name="connsiteX2" fmla="*/ 1608031 w 1611791"/>
                    <a:gd name="connsiteY2" fmla="*/ 1825548 h 3713732"/>
                    <a:gd name="connsiteX3" fmla="*/ 1404079 w 1611791"/>
                    <a:gd name="connsiteY3" fmla="*/ 2847304 h 3713732"/>
                    <a:gd name="connsiteX4" fmla="*/ 1358529 w 1611791"/>
                    <a:gd name="connsiteY4" fmla="*/ 1872299 h 3713732"/>
                    <a:gd name="connsiteX5" fmla="*/ 1295141 w 1611791"/>
                    <a:gd name="connsiteY5" fmla="*/ 1501130 h 3713732"/>
                    <a:gd name="connsiteX6" fmla="*/ 1280721 w 1611791"/>
                    <a:gd name="connsiteY6" fmla="*/ 3515867 h 3713732"/>
                    <a:gd name="connsiteX7" fmla="*/ 937821 w 1611791"/>
                    <a:gd name="connsiteY7" fmla="*/ 3487292 h 3713732"/>
                    <a:gd name="connsiteX8" fmla="*/ 952109 w 1611791"/>
                    <a:gd name="connsiteY8" fmla="*/ 2258567 h 3713732"/>
                    <a:gd name="connsiteX9" fmla="*/ 923533 w 1611791"/>
                    <a:gd name="connsiteY9" fmla="*/ 3558730 h 3713732"/>
                    <a:gd name="connsiteX10" fmla="*/ 594921 w 1611791"/>
                    <a:gd name="connsiteY10" fmla="*/ 3458717 h 3713732"/>
                    <a:gd name="connsiteX11" fmla="*/ 609208 w 1611791"/>
                    <a:gd name="connsiteY11" fmla="*/ 1229867 h 3713732"/>
                    <a:gd name="connsiteX12" fmla="*/ 9133 w 1611791"/>
                    <a:gd name="connsiteY12" fmla="*/ 158305 h 3713732"/>
                    <a:gd name="connsiteX13" fmla="*/ 294883 w 1611791"/>
                    <a:gd name="connsiteY13" fmla="*/ 86867 h 3713732"/>
                    <a:gd name="connsiteX14" fmla="*/ 756672 w 1611791"/>
                    <a:gd name="connsiteY14" fmla="*/ 885912 h 3713732"/>
                    <a:gd name="connsiteX0" fmla="*/ 497308 w 1357016"/>
                    <a:gd name="connsiteY0" fmla="*/ 790697 h 3631749"/>
                    <a:gd name="connsiteX1" fmla="*/ 1053462 w 1357016"/>
                    <a:gd name="connsiteY1" fmla="*/ 915863 h 3631749"/>
                    <a:gd name="connsiteX2" fmla="*/ 1353256 w 1357016"/>
                    <a:gd name="connsiteY2" fmla="*/ 1743565 h 3631749"/>
                    <a:gd name="connsiteX3" fmla="*/ 1149304 w 1357016"/>
                    <a:gd name="connsiteY3" fmla="*/ 2765321 h 3631749"/>
                    <a:gd name="connsiteX4" fmla="*/ 1103754 w 1357016"/>
                    <a:gd name="connsiteY4" fmla="*/ 1790316 h 3631749"/>
                    <a:gd name="connsiteX5" fmla="*/ 1040366 w 1357016"/>
                    <a:gd name="connsiteY5" fmla="*/ 1419147 h 3631749"/>
                    <a:gd name="connsiteX6" fmla="*/ 1025946 w 1357016"/>
                    <a:gd name="connsiteY6" fmla="*/ 3433884 h 3631749"/>
                    <a:gd name="connsiteX7" fmla="*/ 683046 w 1357016"/>
                    <a:gd name="connsiteY7" fmla="*/ 3405309 h 3631749"/>
                    <a:gd name="connsiteX8" fmla="*/ 697334 w 1357016"/>
                    <a:gd name="connsiteY8" fmla="*/ 2176584 h 3631749"/>
                    <a:gd name="connsiteX9" fmla="*/ 668758 w 1357016"/>
                    <a:gd name="connsiteY9" fmla="*/ 3476747 h 3631749"/>
                    <a:gd name="connsiteX10" fmla="*/ 340146 w 1357016"/>
                    <a:gd name="connsiteY10" fmla="*/ 3376734 h 3631749"/>
                    <a:gd name="connsiteX11" fmla="*/ 354433 w 1357016"/>
                    <a:gd name="connsiteY11" fmla="*/ 1147884 h 3631749"/>
                    <a:gd name="connsiteX12" fmla="*/ 277174 w 1357016"/>
                    <a:gd name="connsiteY12" fmla="*/ 2609775 h 3631749"/>
                    <a:gd name="connsiteX13" fmla="*/ 40108 w 1357016"/>
                    <a:gd name="connsiteY13" fmla="*/ 4884 h 3631749"/>
                    <a:gd name="connsiteX14" fmla="*/ 501897 w 1357016"/>
                    <a:gd name="connsiteY14" fmla="*/ 803929 h 3631749"/>
                    <a:gd name="connsiteX0" fmla="*/ 525893 w 1385601"/>
                    <a:gd name="connsiteY0" fmla="*/ 1 h 2841053"/>
                    <a:gd name="connsiteX1" fmla="*/ 1082047 w 1385601"/>
                    <a:gd name="connsiteY1" fmla="*/ 125167 h 2841053"/>
                    <a:gd name="connsiteX2" fmla="*/ 1381841 w 1385601"/>
                    <a:gd name="connsiteY2" fmla="*/ 952869 h 2841053"/>
                    <a:gd name="connsiteX3" fmla="*/ 1177889 w 1385601"/>
                    <a:gd name="connsiteY3" fmla="*/ 1974625 h 2841053"/>
                    <a:gd name="connsiteX4" fmla="*/ 1132339 w 1385601"/>
                    <a:gd name="connsiteY4" fmla="*/ 999620 h 2841053"/>
                    <a:gd name="connsiteX5" fmla="*/ 1068951 w 1385601"/>
                    <a:gd name="connsiteY5" fmla="*/ 628451 h 2841053"/>
                    <a:gd name="connsiteX6" fmla="*/ 1054531 w 1385601"/>
                    <a:gd name="connsiteY6" fmla="*/ 2643188 h 2841053"/>
                    <a:gd name="connsiteX7" fmla="*/ 711631 w 1385601"/>
                    <a:gd name="connsiteY7" fmla="*/ 2614613 h 2841053"/>
                    <a:gd name="connsiteX8" fmla="*/ 725919 w 1385601"/>
                    <a:gd name="connsiteY8" fmla="*/ 1385888 h 2841053"/>
                    <a:gd name="connsiteX9" fmla="*/ 697343 w 1385601"/>
                    <a:gd name="connsiteY9" fmla="*/ 2686051 h 2841053"/>
                    <a:gd name="connsiteX10" fmla="*/ 368731 w 1385601"/>
                    <a:gd name="connsiteY10" fmla="*/ 2586038 h 2841053"/>
                    <a:gd name="connsiteX11" fmla="*/ 383018 w 1385601"/>
                    <a:gd name="connsiteY11" fmla="*/ 357188 h 2841053"/>
                    <a:gd name="connsiteX12" fmla="*/ 305759 w 1385601"/>
                    <a:gd name="connsiteY12" fmla="*/ 1819079 h 2841053"/>
                    <a:gd name="connsiteX13" fmla="*/ 37938 w 1385601"/>
                    <a:gd name="connsiteY13" fmla="*/ 93143 h 2841053"/>
                    <a:gd name="connsiteX14" fmla="*/ 530482 w 1385601"/>
                    <a:gd name="connsiteY14" fmla="*/ 13233 h 2841053"/>
                    <a:gd name="connsiteX0" fmla="*/ 413356 w 1273064"/>
                    <a:gd name="connsiteY0" fmla="*/ 1 h 2841053"/>
                    <a:gd name="connsiteX1" fmla="*/ 969510 w 1273064"/>
                    <a:gd name="connsiteY1" fmla="*/ 125167 h 2841053"/>
                    <a:gd name="connsiteX2" fmla="*/ 1269304 w 1273064"/>
                    <a:gd name="connsiteY2" fmla="*/ 952869 h 2841053"/>
                    <a:gd name="connsiteX3" fmla="*/ 1065352 w 1273064"/>
                    <a:gd name="connsiteY3" fmla="*/ 1974625 h 2841053"/>
                    <a:gd name="connsiteX4" fmla="*/ 1019802 w 1273064"/>
                    <a:gd name="connsiteY4" fmla="*/ 999620 h 2841053"/>
                    <a:gd name="connsiteX5" fmla="*/ 956414 w 1273064"/>
                    <a:gd name="connsiteY5" fmla="*/ 628451 h 2841053"/>
                    <a:gd name="connsiteX6" fmla="*/ 941994 w 1273064"/>
                    <a:gd name="connsiteY6" fmla="*/ 2643188 h 2841053"/>
                    <a:gd name="connsiteX7" fmla="*/ 599094 w 1273064"/>
                    <a:gd name="connsiteY7" fmla="*/ 2614613 h 2841053"/>
                    <a:gd name="connsiteX8" fmla="*/ 613382 w 1273064"/>
                    <a:gd name="connsiteY8" fmla="*/ 1385888 h 2841053"/>
                    <a:gd name="connsiteX9" fmla="*/ 584806 w 1273064"/>
                    <a:gd name="connsiteY9" fmla="*/ 2686051 h 2841053"/>
                    <a:gd name="connsiteX10" fmla="*/ 256194 w 1273064"/>
                    <a:gd name="connsiteY10" fmla="*/ 2586038 h 2841053"/>
                    <a:gd name="connsiteX11" fmla="*/ 270481 w 1273064"/>
                    <a:gd name="connsiteY11" fmla="*/ 357188 h 2841053"/>
                    <a:gd name="connsiteX12" fmla="*/ 193222 w 1273064"/>
                    <a:gd name="connsiteY12" fmla="*/ 1819079 h 2841053"/>
                    <a:gd name="connsiteX13" fmla="*/ 48417 w 1273064"/>
                    <a:gd name="connsiteY13" fmla="*/ 299955 h 2841053"/>
                    <a:gd name="connsiteX14" fmla="*/ 417945 w 1273064"/>
                    <a:gd name="connsiteY14" fmla="*/ 13233 h 2841053"/>
                    <a:gd name="connsiteX0" fmla="*/ 464874 w 1324582"/>
                    <a:gd name="connsiteY0" fmla="*/ 1 h 2841053"/>
                    <a:gd name="connsiteX1" fmla="*/ 1021028 w 1324582"/>
                    <a:gd name="connsiteY1" fmla="*/ 125167 h 2841053"/>
                    <a:gd name="connsiteX2" fmla="*/ 1320822 w 1324582"/>
                    <a:gd name="connsiteY2" fmla="*/ 952869 h 2841053"/>
                    <a:gd name="connsiteX3" fmla="*/ 1116870 w 1324582"/>
                    <a:gd name="connsiteY3" fmla="*/ 1974625 h 2841053"/>
                    <a:gd name="connsiteX4" fmla="*/ 1071320 w 1324582"/>
                    <a:gd name="connsiteY4" fmla="*/ 999620 h 2841053"/>
                    <a:gd name="connsiteX5" fmla="*/ 1007932 w 1324582"/>
                    <a:gd name="connsiteY5" fmla="*/ 628451 h 2841053"/>
                    <a:gd name="connsiteX6" fmla="*/ 993512 w 1324582"/>
                    <a:gd name="connsiteY6" fmla="*/ 2643188 h 2841053"/>
                    <a:gd name="connsiteX7" fmla="*/ 650612 w 1324582"/>
                    <a:gd name="connsiteY7" fmla="*/ 2614613 h 2841053"/>
                    <a:gd name="connsiteX8" fmla="*/ 664900 w 1324582"/>
                    <a:gd name="connsiteY8" fmla="*/ 1385888 h 2841053"/>
                    <a:gd name="connsiteX9" fmla="*/ 636324 w 1324582"/>
                    <a:gd name="connsiteY9" fmla="*/ 2686051 h 2841053"/>
                    <a:gd name="connsiteX10" fmla="*/ 307712 w 1324582"/>
                    <a:gd name="connsiteY10" fmla="*/ 2586038 h 2841053"/>
                    <a:gd name="connsiteX11" fmla="*/ 321999 w 1324582"/>
                    <a:gd name="connsiteY11" fmla="*/ 357188 h 2841053"/>
                    <a:gd name="connsiteX12" fmla="*/ 244740 w 1324582"/>
                    <a:gd name="connsiteY12" fmla="*/ 1819079 h 2841053"/>
                    <a:gd name="connsiteX13" fmla="*/ 99935 w 1324582"/>
                    <a:gd name="connsiteY13" fmla="*/ 299955 h 2841053"/>
                    <a:gd name="connsiteX14" fmla="*/ 469463 w 1324582"/>
                    <a:gd name="connsiteY14" fmla="*/ 13233 h 2841053"/>
                    <a:gd name="connsiteX0" fmla="*/ 464874 w 1324582"/>
                    <a:gd name="connsiteY0" fmla="*/ 49223 h 2890275"/>
                    <a:gd name="connsiteX1" fmla="*/ 1021028 w 1324582"/>
                    <a:gd name="connsiteY1" fmla="*/ 174389 h 2890275"/>
                    <a:gd name="connsiteX2" fmla="*/ 1320822 w 1324582"/>
                    <a:gd name="connsiteY2" fmla="*/ 1002091 h 2890275"/>
                    <a:gd name="connsiteX3" fmla="*/ 1116870 w 1324582"/>
                    <a:gd name="connsiteY3" fmla="*/ 2023847 h 2890275"/>
                    <a:gd name="connsiteX4" fmla="*/ 1071320 w 1324582"/>
                    <a:gd name="connsiteY4" fmla="*/ 1048842 h 2890275"/>
                    <a:gd name="connsiteX5" fmla="*/ 1007932 w 1324582"/>
                    <a:gd name="connsiteY5" fmla="*/ 677673 h 2890275"/>
                    <a:gd name="connsiteX6" fmla="*/ 993512 w 1324582"/>
                    <a:gd name="connsiteY6" fmla="*/ 2692410 h 2890275"/>
                    <a:gd name="connsiteX7" fmla="*/ 650612 w 1324582"/>
                    <a:gd name="connsiteY7" fmla="*/ 2663835 h 2890275"/>
                    <a:gd name="connsiteX8" fmla="*/ 664900 w 1324582"/>
                    <a:gd name="connsiteY8" fmla="*/ 1435110 h 2890275"/>
                    <a:gd name="connsiteX9" fmla="*/ 636324 w 1324582"/>
                    <a:gd name="connsiteY9" fmla="*/ 2735273 h 2890275"/>
                    <a:gd name="connsiteX10" fmla="*/ 307712 w 1324582"/>
                    <a:gd name="connsiteY10" fmla="*/ 2635260 h 2890275"/>
                    <a:gd name="connsiteX11" fmla="*/ 321999 w 1324582"/>
                    <a:gd name="connsiteY11" fmla="*/ 406410 h 2890275"/>
                    <a:gd name="connsiteX12" fmla="*/ 244740 w 1324582"/>
                    <a:gd name="connsiteY12" fmla="*/ 1868301 h 2890275"/>
                    <a:gd name="connsiteX13" fmla="*/ 99935 w 1324582"/>
                    <a:gd name="connsiteY13" fmla="*/ 349177 h 2890275"/>
                    <a:gd name="connsiteX14" fmla="*/ 469463 w 1324582"/>
                    <a:gd name="connsiteY14" fmla="*/ 62455 h 2890275"/>
                    <a:gd name="connsiteX0" fmla="*/ 389388 w 1249096"/>
                    <a:gd name="connsiteY0" fmla="*/ 49223 h 2890275"/>
                    <a:gd name="connsiteX1" fmla="*/ 945542 w 1249096"/>
                    <a:gd name="connsiteY1" fmla="*/ 174389 h 2890275"/>
                    <a:gd name="connsiteX2" fmla="*/ 1245336 w 1249096"/>
                    <a:gd name="connsiteY2" fmla="*/ 1002091 h 2890275"/>
                    <a:gd name="connsiteX3" fmla="*/ 1041384 w 1249096"/>
                    <a:gd name="connsiteY3" fmla="*/ 2023847 h 2890275"/>
                    <a:gd name="connsiteX4" fmla="*/ 995834 w 1249096"/>
                    <a:gd name="connsiteY4" fmla="*/ 1048842 h 2890275"/>
                    <a:gd name="connsiteX5" fmla="*/ 932446 w 1249096"/>
                    <a:gd name="connsiteY5" fmla="*/ 677673 h 2890275"/>
                    <a:gd name="connsiteX6" fmla="*/ 918026 w 1249096"/>
                    <a:gd name="connsiteY6" fmla="*/ 2692410 h 2890275"/>
                    <a:gd name="connsiteX7" fmla="*/ 575126 w 1249096"/>
                    <a:gd name="connsiteY7" fmla="*/ 2663835 h 2890275"/>
                    <a:gd name="connsiteX8" fmla="*/ 589414 w 1249096"/>
                    <a:gd name="connsiteY8" fmla="*/ 1435110 h 2890275"/>
                    <a:gd name="connsiteX9" fmla="*/ 560838 w 1249096"/>
                    <a:gd name="connsiteY9" fmla="*/ 2735273 h 2890275"/>
                    <a:gd name="connsiteX10" fmla="*/ 232226 w 1249096"/>
                    <a:gd name="connsiteY10" fmla="*/ 2635260 h 2890275"/>
                    <a:gd name="connsiteX11" fmla="*/ 246513 w 1249096"/>
                    <a:gd name="connsiteY11" fmla="*/ 406410 h 2890275"/>
                    <a:gd name="connsiteX12" fmla="*/ 169254 w 1249096"/>
                    <a:gd name="connsiteY12" fmla="*/ 1868301 h 2890275"/>
                    <a:gd name="connsiteX13" fmla="*/ 24449 w 1249096"/>
                    <a:gd name="connsiteY13" fmla="*/ 349177 h 2890275"/>
                    <a:gd name="connsiteX14" fmla="*/ 393977 w 1249096"/>
                    <a:gd name="connsiteY14" fmla="*/ 62455 h 2890275"/>
                    <a:gd name="connsiteX0" fmla="*/ 388964 w 1248672"/>
                    <a:gd name="connsiteY0" fmla="*/ 49223 h 2893271"/>
                    <a:gd name="connsiteX1" fmla="*/ 945118 w 1248672"/>
                    <a:gd name="connsiteY1" fmla="*/ 174389 h 2893271"/>
                    <a:gd name="connsiteX2" fmla="*/ 1244912 w 1248672"/>
                    <a:gd name="connsiteY2" fmla="*/ 1002091 h 2893271"/>
                    <a:gd name="connsiteX3" fmla="*/ 1040960 w 1248672"/>
                    <a:gd name="connsiteY3" fmla="*/ 2023847 h 2893271"/>
                    <a:gd name="connsiteX4" fmla="*/ 995410 w 1248672"/>
                    <a:gd name="connsiteY4" fmla="*/ 1048842 h 2893271"/>
                    <a:gd name="connsiteX5" fmla="*/ 932022 w 1248672"/>
                    <a:gd name="connsiteY5" fmla="*/ 677673 h 2893271"/>
                    <a:gd name="connsiteX6" fmla="*/ 917602 w 1248672"/>
                    <a:gd name="connsiteY6" fmla="*/ 2692410 h 2893271"/>
                    <a:gd name="connsiteX7" fmla="*/ 574702 w 1248672"/>
                    <a:gd name="connsiteY7" fmla="*/ 2663835 h 2893271"/>
                    <a:gd name="connsiteX8" fmla="*/ 588990 w 1248672"/>
                    <a:gd name="connsiteY8" fmla="*/ 1435110 h 2893271"/>
                    <a:gd name="connsiteX9" fmla="*/ 560414 w 1248672"/>
                    <a:gd name="connsiteY9" fmla="*/ 2735273 h 2893271"/>
                    <a:gd name="connsiteX10" fmla="*/ 231802 w 1248672"/>
                    <a:gd name="connsiteY10" fmla="*/ 2635260 h 2893271"/>
                    <a:gd name="connsiteX11" fmla="*/ 215335 w 1248672"/>
                    <a:gd name="connsiteY11" fmla="*/ 613221 h 2893271"/>
                    <a:gd name="connsiteX12" fmla="*/ 168830 w 1248672"/>
                    <a:gd name="connsiteY12" fmla="*/ 1868301 h 2893271"/>
                    <a:gd name="connsiteX13" fmla="*/ 24025 w 1248672"/>
                    <a:gd name="connsiteY13" fmla="*/ 349177 h 2893271"/>
                    <a:gd name="connsiteX14" fmla="*/ 393553 w 1248672"/>
                    <a:gd name="connsiteY14" fmla="*/ 62455 h 2893271"/>
                    <a:gd name="connsiteX0" fmla="*/ 386611 w 1246319"/>
                    <a:gd name="connsiteY0" fmla="*/ 49223 h 2893271"/>
                    <a:gd name="connsiteX1" fmla="*/ 942765 w 1246319"/>
                    <a:gd name="connsiteY1" fmla="*/ 174389 h 2893271"/>
                    <a:gd name="connsiteX2" fmla="*/ 1242559 w 1246319"/>
                    <a:gd name="connsiteY2" fmla="*/ 1002091 h 2893271"/>
                    <a:gd name="connsiteX3" fmla="*/ 1038607 w 1246319"/>
                    <a:gd name="connsiteY3" fmla="*/ 2023847 h 2893271"/>
                    <a:gd name="connsiteX4" fmla="*/ 993057 w 1246319"/>
                    <a:gd name="connsiteY4" fmla="*/ 1048842 h 2893271"/>
                    <a:gd name="connsiteX5" fmla="*/ 929669 w 1246319"/>
                    <a:gd name="connsiteY5" fmla="*/ 677673 h 2893271"/>
                    <a:gd name="connsiteX6" fmla="*/ 915249 w 1246319"/>
                    <a:gd name="connsiteY6" fmla="*/ 2692410 h 2893271"/>
                    <a:gd name="connsiteX7" fmla="*/ 572349 w 1246319"/>
                    <a:gd name="connsiteY7" fmla="*/ 2663835 h 2893271"/>
                    <a:gd name="connsiteX8" fmla="*/ 586637 w 1246319"/>
                    <a:gd name="connsiteY8" fmla="*/ 1435110 h 2893271"/>
                    <a:gd name="connsiteX9" fmla="*/ 558061 w 1246319"/>
                    <a:gd name="connsiteY9" fmla="*/ 2735273 h 2893271"/>
                    <a:gd name="connsiteX10" fmla="*/ 229449 w 1246319"/>
                    <a:gd name="connsiteY10" fmla="*/ 2635260 h 2893271"/>
                    <a:gd name="connsiteX11" fmla="*/ 212982 w 1246319"/>
                    <a:gd name="connsiteY11" fmla="*/ 613221 h 2893271"/>
                    <a:gd name="connsiteX12" fmla="*/ 22147 w 1246319"/>
                    <a:gd name="connsiteY12" fmla="*/ 1246923 h 2893271"/>
                    <a:gd name="connsiteX13" fmla="*/ 166477 w 1246319"/>
                    <a:gd name="connsiteY13" fmla="*/ 1868301 h 2893271"/>
                    <a:gd name="connsiteX14" fmla="*/ 21672 w 1246319"/>
                    <a:gd name="connsiteY14" fmla="*/ 349177 h 2893271"/>
                    <a:gd name="connsiteX15" fmla="*/ 391200 w 1246319"/>
                    <a:gd name="connsiteY15" fmla="*/ 62455 h 2893271"/>
                    <a:gd name="connsiteX0" fmla="*/ 386611 w 1246319"/>
                    <a:gd name="connsiteY0" fmla="*/ 49223 h 2886157"/>
                    <a:gd name="connsiteX1" fmla="*/ 942765 w 1246319"/>
                    <a:gd name="connsiteY1" fmla="*/ 174389 h 2886157"/>
                    <a:gd name="connsiteX2" fmla="*/ 1242559 w 1246319"/>
                    <a:gd name="connsiteY2" fmla="*/ 1002091 h 2886157"/>
                    <a:gd name="connsiteX3" fmla="*/ 1038607 w 1246319"/>
                    <a:gd name="connsiteY3" fmla="*/ 2023847 h 2886157"/>
                    <a:gd name="connsiteX4" fmla="*/ 993057 w 1246319"/>
                    <a:gd name="connsiteY4" fmla="*/ 1048842 h 2886157"/>
                    <a:gd name="connsiteX5" fmla="*/ 929669 w 1246319"/>
                    <a:gd name="connsiteY5" fmla="*/ 677673 h 2886157"/>
                    <a:gd name="connsiteX6" fmla="*/ 915249 w 1246319"/>
                    <a:gd name="connsiteY6" fmla="*/ 2692410 h 2886157"/>
                    <a:gd name="connsiteX7" fmla="*/ 572349 w 1246319"/>
                    <a:gd name="connsiteY7" fmla="*/ 2663835 h 2886157"/>
                    <a:gd name="connsiteX8" fmla="*/ 586637 w 1246319"/>
                    <a:gd name="connsiteY8" fmla="*/ 1435110 h 2886157"/>
                    <a:gd name="connsiteX9" fmla="*/ 558061 w 1246319"/>
                    <a:gd name="connsiteY9" fmla="*/ 2735273 h 2886157"/>
                    <a:gd name="connsiteX10" fmla="*/ 229449 w 1246319"/>
                    <a:gd name="connsiteY10" fmla="*/ 2635260 h 2886157"/>
                    <a:gd name="connsiteX11" fmla="*/ 206669 w 1246319"/>
                    <a:gd name="connsiteY11" fmla="*/ 1350329 h 2886157"/>
                    <a:gd name="connsiteX12" fmla="*/ 212982 w 1246319"/>
                    <a:gd name="connsiteY12" fmla="*/ 613221 h 2886157"/>
                    <a:gd name="connsiteX13" fmla="*/ 22147 w 1246319"/>
                    <a:gd name="connsiteY13" fmla="*/ 1246923 h 2886157"/>
                    <a:gd name="connsiteX14" fmla="*/ 166477 w 1246319"/>
                    <a:gd name="connsiteY14" fmla="*/ 1868301 h 2886157"/>
                    <a:gd name="connsiteX15" fmla="*/ 21672 w 1246319"/>
                    <a:gd name="connsiteY15" fmla="*/ 349177 h 2886157"/>
                    <a:gd name="connsiteX16" fmla="*/ 391200 w 1246319"/>
                    <a:gd name="connsiteY16" fmla="*/ 62455 h 2886157"/>
                    <a:gd name="connsiteX0" fmla="*/ 387919 w 1247627"/>
                    <a:gd name="connsiteY0" fmla="*/ 49223 h 2886155"/>
                    <a:gd name="connsiteX1" fmla="*/ 944073 w 1247627"/>
                    <a:gd name="connsiteY1" fmla="*/ 174389 h 2886155"/>
                    <a:gd name="connsiteX2" fmla="*/ 1243867 w 1247627"/>
                    <a:gd name="connsiteY2" fmla="*/ 1002091 h 2886155"/>
                    <a:gd name="connsiteX3" fmla="*/ 1039915 w 1247627"/>
                    <a:gd name="connsiteY3" fmla="*/ 2023847 h 2886155"/>
                    <a:gd name="connsiteX4" fmla="*/ 994365 w 1247627"/>
                    <a:gd name="connsiteY4" fmla="*/ 1048842 h 2886155"/>
                    <a:gd name="connsiteX5" fmla="*/ 930977 w 1247627"/>
                    <a:gd name="connsiteY5" fmla="*/ 677673 h 2886155"/>
                    <a:gd name="connsiteX6" fmla="*/ 916557 w 1247627"/>
                    <a:gd name="connsiteY6" fmla="*/ 2692410 h 2886155"/>
                    <a:gd name="connsiteX7" fmla="*/ 573657 w 1247627"/>
                    <a:gd name="connsiteY7" fmla="*/ 2663835 h 2886155"/>
                    <a:gd name="connsiteX8" fmla="*/ 587945 w 1247627"/>
                    <a:gd name="connsiteY8" fmla="*/ 1435110 h 2886155"/>
                    <a:gd name="connsiteX9" fmla="*/ 559369 w 1247627"/>
                    <a:gd name="connsiteY9" fmla="*/ 2735273 h 2886155"/>
                    <a:gd name="connsiteX10" fmla="*/ 230757 w 1247627"/>
                    <a:gd name="connsiteY10" fmla="*/ 2635260 h 2886155"/>
                    <a:gd name="connsiteX11" fmla="*/ 207977 w 1247627"/>
                    <a:gd name="connsiteY11" fmla="*/ 1350329 h 2886155"/>
                    <a:gd name="connsiteX12" fmla="*/ 214290 w 1247627"/>
                    <a:gd name="connsiteY12" fmla="*/ 613221 h 2886155"/>
                    <a:gd name="connsiteX13" fmla="*/ 134011 w 1247627"/>
                    <a:gd name="connsiteY13" fmla="*/ 1216003 h 2886155"/>
                    <a:gd name="connsiteX14" fmla="*/ 167785 w 1247627"/>
                    <a:gd name="connsiteY14" fmla="*/ 1868301 h 2886155"/>
                    <a:gd name="connsiteX15" fmla="*/ 22980 w 1247627"/>
                    <a:gd name="connsiteY15" fmla="*/ 349177 h 2886155"/>
                    <a:gd name="connsiteX16" fmla="*/ 392508 w 1247627"/>
                    <a:gd name="connsiteY16" fmla="*/ 62455 h 2886155"/>
                    <a:gd name="connsiteX0" fmla="*/ 382115 w 1241823"/>
                    <a:gd name="connsiteY0" fmla="*/ 49223 h 2886155"/>
                    <a:gd name="connsiteX1" fmla="*/ 938269 w 1241823"/>
                    <a:gd name="connsiteY1" fmla="*/ 174389 h 2886155"/>
                    <a:gd name="connsiteX2" fmla="*/ 1238063 w 1241823"/>
                    <a:gd name="connsiteY2" fmla="*/ 1002091 h 2886155"/>
                    <a:gd name="connsiteX3" fmla="*/ 1034111 w 1241823"/>
                    <a:gd name="connsiteY3" fmla="*/ 2023847 h 2886155"/>
                    <a:gd name="connsiteX4" fmla="*/ 988561 w 1241823"/>
                    <a:gd name="connsiteY4" fmla="*/ 1048842 h 2886155"/>
                    <a:gd name="connsiteX5" fmla="*/ 925173 w 1241823"/>
                    <a:gd name="connsiteY5" fmla="*/ 677673 h 2886155"/>
                    <a:gd name="connsiteX6" fmla="*/ 910753 w 1241823"/>
                    <a:gd name="connsiteY6" fmla="*/ 2692410 h 2886155"/>
                    <a:gd name="connsiteX7" fmla="*/ 567853 w 1241823"/>
                    <a:gd name="connsiteY7" fmla="*/ 2663835 h 2886155"/>
                    <a:gd name="connsiteX8" fmla="*/ 582141 w 1241823"/>
                    <a:gd name="connsiteY8" fmla="*/ 1435110 h 2886155"/>
                    <a:gd name="connsiteX9" fmla="*/ 553565 w 1241823"/>
                    <a:gd name="connsiteY9" fmla="*/ 2735273 h 2886155"/>
                    <a:gd name="connsiteX10" fmla="*/ 224953 w 1241823"/>
                    <a:gd name="connsiteY10" fmla="*/ 2635260 h 2886155"/>
                    <a:gd name="connsiteX11" fmla="*/ 202173 w 1241823"/>
                    <a:gd name="connsiteY11" fmla="*/ 1350329 h 2886155"/>
                    <a:gd name="connsiteX12" fmla="*/ 208486 w 1241823"/>
                    <a:gd name="connsiteY12" fmla="*/ 613221 h 2886155"/>
                    <a:gd name="connsiteX13" fmla="*/ 128207 w 1241823"/>
                    <a:gd name="connsiteY13" fmla="*/ 1216003 h 2886155"/>
                    <a:gd name="connsiteX14" fmla="*/ 161981 w 1241823"/>
                    <a:gd name="connsiteY14" fmla="*/ 1868301 h 2886155"/>
                    <a:gd name="connsiteX15" fmla="*/ 17176 w 1241823"/>
                    <a:gd name="connsiteY15" fmla="*/ 349177 h 2886155"/>
                    <a:gd name="connsiteX16" fmla="*/ 386704 w 1241823"/>
                    <a:gd name="connsiteY16" fmla="*/ 62455 h 2886155"/>
                    <a:gd name="connsiteX0" fmla="*/ 391904 w 1251612"/>
                    <a:gd name="connsiteY0" fmla="*/ 49223 h 2886155"/>
                    <a:gd name="connsiteX1" fmla="*/ 948058 w 1251612"/>
                    <a:gd name="connsiteY1" fmla="*/ 174389 h 2886155"/>
                    <a:gd name="connsiteX2" fmla="*/ 1247852 w 1251612"/>
                    <a:gd name="connsiteY2" fmla="*/ 1002091 h 2886155"/>
                    <a:gd name="connsiteX3" fmla="*/ 1043900 w 1251612"/>
                    <a:gd name="connsiteY3" fmla="*/ 2023847 h 2886155"/>
                    <a:gd name="connsiteX4" fmla="*/ 998350 w 1251612"/>
                    <a:gd name="connsiteY4" fmla="*/ 1048842 h 2886155"/>
                    <a:gd name="connsiteX5" fmla="*/ 934962 w 1251612"/>
                    <a:gd name="connsiteY5" fmla="*/ 677673 h 2886155"/>
                    <a:gd name="connsiteX6" fmla="*/ 920542 w 1251612"/>
                    <a:gd name="connsiteY6" fmla="*/ 2692410 h 2886155"/>
                    <a:gd name="connsiteX7" fmla="*/ 577642 w 1251612"/>
                    <a:gd name="connsiteY7" fmla="*/ 2663835 h 2886155"/>
                    <a:gd name="connsiteX8" fmla="*/ 591930 w 1251612"/>
                    <a:gd name="connsiteY8" fmla="*/ 1435110 h 2886155"/>
                    <a:gd name="connsiteX9" fmla="*/ 563354 w 1251612"/>
                    <a:gd name="connsiteY9" fmla="*/ 2735273 h 2886155"/>
                    <a:gd name="connsiteX10" fmla="*/ 234742 w 1251612"/>
                    <a:gd name="connsiteY10" fmla="*/ 2635260 h 2886155"/>
                    <a:gd name="connsiteX11" fmla="*/ 211962 w 1251612"/>
                    <a:gd name="connsiteY11" fmla="*/ 1350329 h 2886155"/>
                    <a:gd name="connsiteX12" fmla="*/ 218275 w 1251612"/>
                    <a:gd name="connsiteY12" fmla="*/ 613221 h 2886155"/>
                    <a:gd name="connsiteX13" fmla="*/ 137996 w 1251612"/>
                    <a:gd name="connsiteY13" fmla="*/ 1216003 h 2886155"/>
                    <a:gd name="connsiteX14" fmla="*/ 171770 w 1251612"/>
                    <a:gd name="connsiteY14" fmla="*/ 1868301 h 2886155"/>
                    <a:gd name="connsiteX15" fmla="*/ 26965 w 1251612"/>
                    <a:gd name="connsiteY15" fmla="*/ 349177 h 2886155"/>
                    <a:gd name="connsiteX16" fmla="*/ 396493 w 1251612"/>
                    <a:gd name="connsiteY16" fmla="*/ 62455 h 2886155"/>
                    <a:gd name="connsiteX0" fmla="*/ 391904 w 1251612"/>
                    <a:gd name="connsiteY0" fmla="*/ 34146 h 2871078"/>
                    <a:gd name="connsiteX1" fmla="*/ 948058 w 1251612"/>
                    <a:gd name="connsiteY1" fmla="*/ 159312 h 2871078"/>
                    <a:gd name="connsiteX2" fmla="*/ 1247852 w 1251612"/>
                    <a:gd name="connsiteY2" fmla="*/ 987014 h 2871078"/>
                    <a:gd name="connsiteX3" fmla="*/ 1043900 w 1251612"/>
                    <a:gd name="connsiteY3" fmla="*/ 2008770 h 2871078"/>
                    <a:gd name="connsiteX4" fmla="*/ 998350 w 1251612"/>
                    <a:gd name="connsiteY4" fmla="*/ 1033765 h 2871078"/>
                    <a:gd name="connsiteX5" fmla="*/ 934962 w 1251612"/>
                    <a:gd name="connsiteY5" fmla="*/ 662596 h 2871078"/>
                    <a:gd name="connsiteX6" fmla="*/ 920542 w 1251612"/>
                    <a:gd name="connsiteY6" fmla="*/ 2677333 h 2871078"/>
                    <a:gd name="connsiteX7" fmla="*/ 577642 w 1251612"/>
                    <a:gd name="connsiteY7" fmla="*/ 2648758 h 2871078"/>
                    <a:gd name="connsiteX8" fmla="*/ 591930 w 1251612"/>
                    <a:gd name="connsiteY8" fmla="*/ 1420033 h 2871078"/>
                    <a:gd name="connsiteX9" fmla="*/ 563354 w 1251612"/>
                    <a:gd name="connsiteY9" fmla="*/ 2720196 h 2871078"/>
                    <a:gd name="connsiteX10" fmla="*/ 234742 w 1251612"/>
                    <a:gd name="connsiteY10" fmla="*/ 2620183 h 2871078"/>
                    <a:gd name="connsiteX11" fmla="*/ 211962 w 1251612"/>
                    <a:gd name="connsiteY11" fmla="*/ 1335252 h 2871078"/>
                    <a:gd name="connsiteX12" fmla="*/ 218275 w 1251612"/>
                    <a:gd name="connsiteY12" fmla="*/ 598144 h 2871078"/>
                    <a:gd name="connsiteX13" fmla="*/ 137996 w 1251612"/>
                    <a:gd name="connsiteY13" fmla="*/ 1200926 h 2871078"/>
                    <a:gd name="connsiteX14" fmla="*/ 171770 w 1251612"/>
                    <a:gd name="connsiteY14" fmla="*/ 1853224 h 2871078"/>
                    <a:gd name="connsiteX15" fmla="*/ 26965 w 1251612"/>
                    <a:gd name="connsiteY15" fmla="*/ 334100 h 2871078"/>
                    <a:gd name="connsiteX16" fmla="*/ 295150 w 1251612"/>
                    <a:gd name="connsiteY16" fmla="*/ 78298 h 2871078"/>
                    <a:gd name="connsiteX0" fmla="*/ 413828 w 1273536"/>
                    <a:gd name="connsiteY0" fmla="*/ 1 h 2836933"/>
                    <a:gd name="connsiteX1" fmla="*/ 969982 w 1273536"/>
                    <a:gd name="connsiteY1" fmla="*/ 125167 h 2836933"/>
                    <a:gd name="connsiteX2" fmla="*/ 1269776 w 1273536"/>
                    <a:gd name="connsiteY2" fmla="*/ 952869 h 2836933"/>
                    <a:gd name="connsiteX3" fmla="*/ 1065824 w 1273536"/>
                    <a:gd name="connsiteY3" fmla="*/ 1974625 h 2836933"/>
                    <a:gd name="connsiteX4" fmla="*/ 1020274 w 1273536"/>
                    <a:gd name="connsiteY4" fmla="*/ 999620 h 2836933"/>
                    <a:gd name="connsiteX5" fmla="*/ 956886 w 1273536"/>
                    <a:gd name="connsiteY5" fmla="*/ 628451 h 2836933"/>
                    <a:gd name="connsiteX6" fmla="*/ 942466 w 1273536"/>
                    <a:gd name="connsiteY6" fmla="*/ 2643188 h 2836933"/>
                    <a:gd name="connsiteX7" fmla="*/ 599566 w 1273536"/>
                    <a:gd name="connsiteY7" fmla="*/ 2614613 h 2836933"/>
                    <a:gd name="connsiteX8" fmla="*/ 613854 w 1273536"/>
                    <a:gd name="connsiteY8" fmla="*/ 1385888 h 2836933"/>
                    <a:gd name="connsiteX9" fmla="*/ 585278 w 1273536"/>
                    <a:gd name="connsiteY9" fmla="*/ 2686051 h 2836933"/>
                    <a:gd name="connsiteX10" fmla="*/ 256666 w 1273536"/>
                    <a:gd name="connsiteY10" fmla="*/ 2586038 h 2836933"/>
                    <a:gd name="connsiteX11" fmla="*/ 233886 w 1273536"/>
                    <a:gd name="connsiteY11" fmla="*/ 1301107 h 2836933"/>
                    <a:gd name="connsiteX12" fmla="*/ 240199 w 1273536"/>
                    <a:gd name="connsiteY12" fmla="*/ 563999 h 2836933"/>
                    <a:gd name="connsiteX13" fmla="*/ 159920 w 1273536"/>
                    <a:gd name="connsiteY13" fmla="*/ 1166781 h 2836933"/>
                    <a:gd name="connsiteX14" fmla="*/ 193694 w 1273536"/>
                    <a:gd name="connsiteY14" fmla="*/ 1819079 h 2836933"/>
                    <a:gd name="connsiteX15" fmla="*/ 21250 w 1273536"/>
                    <a:gd name="connsiteY15" fmla="*/ 701911 h 2836933"/>
                    <a:gd name="connsiteX16" fmla="*/ 317074 w 1273536"/>
                    <a:gd name="connsiteY16" fmla="*/ 44153 h 2836933"/>
                    <a:gd name="connsiteX0" fmla="*/ 394153 w 1253861"/>
                    <a:gd name="connsiteY0" fmla="*/ 1 h 2836933"/>
                    <a:gd name="connsiteX1" fmla="*/ 950307 w 1253861"/>
                    <a:gd name="connsiteY1" fmla="*/ 125167 h 2836933"/>
                    <a:gd name="connsiteX2" fmla="*/ 1250101 w 1253861"/>
                    <a:gd name="connsiteY2" fmla="*/ 952869 h 2836933"/>
                    <a:gd name="connsiteX3" fmla="*/ 1046149 w 1253861"/>
                    <a:gd name="connsiteY3" fmla="*/ 1974625 h 2836933"/>
                    <a:gd name="connsiteX4" fmla="*/ 1000599 w 1253861"/>
                    <a:gd name="connsiteY4" fmla="*/ 999620 h 2836933"/>
                    <a:gd name="connsiteX5" fmla="*/ 937211 w 1253861"/>
                    <a:gd name="connsiteY5" fmla="*/ 628451 h 2836933"/>
                    <a:gd name="connsiteX6" fmla="*/ 922791 w 1253861"/>
                    <a:gd name="connsiteY6" fmla="*/ 2643188 h 2836933"/>
                    <a:gd name="connsiteX7" fmla="*/ 579891 w 1253861"/>
                    <a:gd name="connsiteY7" fmla="*/ 2614613 h 2836933"/>
                    <a:gd name="connsiteX8" fmla="*/ 594179 w 1253861"/>
                    <a:gd name="connsiteY8" fmla="*/ 1385888 h 2836933"/>
                    <a:gd name="connsiteX9" fmla="*/ 565603 w 1253861"/>
                    <a:gd name="connsiteY9" fmla="*/ 2686051 h 2836933"/>
                    <a:gd name="connsiteX10" fmla="*/ 236991 w 1253861"/>
                    <a:gd name="connsiteY10" fmla="*/ 2586038 h 2836933"/>
                    <a:gd name="connsiteX11" fmla="*/ 214211 w 1253861"/>
                    <a:gd name="connsiteY11" fmla="*/ 1301107 h 2836933"/>
                    <a:gd name="connsiteX12" fmla="*/ 220524 w 1253861"/>
                    <a:gd name="connsiteY12" fmla="*/ 563999 h 2836933"/>
                    <a:gd name="connsiteX13" fmla="*/ 140245 w 1253861"/>
                    <a:gd name="connsiteY13" fmla="*/ 1166781 h 2836933"/>
                    <a:gd name="connsiteX14" fmla="*/ 174019 w 1253861"/>
                    <a:gd name="connsiteY14" fmla="*/ 1819079 h 2836933"/>
                    <a:gd name="connsiteX15" fmla="*/ 1575 w 1253861"/>
                    <a:gd name="connsiteY15" fmla="*/ 701911 h 2836933"/>
                    <a:gd name="connsiteX16" fmla="*/ 297399 w 1253861"/>
                    <a:gd name="connsiteY16" fmla="*/ 44153 h 2836933"/>
                    <a:gd name="connsiteX0" fmla="*/ 395210 w 1254918"/>
                    <a:gd name="connsiteY0" fmla="*/ 1 h 2836933"/>
                    <a:gd name="connsiteX1" fmla="*/ 951364 w 1254918"/>
                    <a:gd name="connsiteY1" fmla="*/ 125167 h 2836933"/>
                    <a:gd name="connsiteX2" fmla="*/ 1251158 w 1254918"/>
                    <a:gd name="connsiteY2" fmla="*/ 952869 h 2836933"/>
                    <a:gd name="connsiteX3" fmla="*/ 1047206 w 1254918"/>
                    <a:gd name="connsiteY3" fmla="*/ 1974625 h 2836933"/>
                    <a:gd name="connsiteX4" fmla="*/ 1001656 w 1254918"/>
                    <a:gd name="connsiteY4" fmla="*/ 999620 h 2836933"/>
                    <a:gd name="connsiteX5" fmla="*/ 938268 w 1254918"/>
                    <a:gd name="connsiteY5" fmla="*/ 628451 h 2836933"/>
                    <a:gd name="connsiteX6" fmla="*/ 923848 w 1254918"/>
                    <a:gd name="connsiteY6" fmla="*/ 2643188 h 2836933"/>
                    <a:gd name="connsiteX7" fmla="*/ 580948 w 1254918"/>
                    <a:gd name="connsiteY7" fmla="*/ 2614613 h 2836933"/>
                    <a:gd name="connsiteX8" fmla="*/ 595236 w 1254918"/>
                    <a:gd name="connsiteY8" fmla="*/ 1385888 h 2836933"/>
                    <a:gd name="connsiteX9" fmla="*/ 566660 w 1254918"/>
                    <a:gd name="connsiteY9" fmla="*/ 2686051 h 2836933"/>
                    <a:gd name="connsiteX10" fmla="*/ 238048 w 1254918"/>
                    <a:gd name="connsiteY10" fmla="*/ 2586038 h 2836933"/>
                    <a:gd name="connsiteX11" fmla="*/ 215268 w 1254918"/>
                    <a:gd name="connsiteY11" fmla="*/ 1301107 h 2836933"/>
                    <a:gd name="connsiteX12" fmla="*/ 221581 w 1254918"/>
                    <a:gd name="connsiteY12" fmla="*/ 563999 h 2836933"/>
                    <a:gd name="connsiteX13" fmla="*/ 141302 w 1254918"/>
                    <a:gd name="connsiteY13" fmla="*/ 1166781 h 2836933"/>
                    <a:gd name="connsiteX14" fmla="*/ 101373 w 1254918"/>
                    <a:gd name="connsiteY14" fmla="*/ 2035519 h 2836933"/>
                    <a:gd name="connsiteX15" fmla="*/ 2632 w 1254918"/>
                    <a:gd name="connsiteY15" fmla="*/ 701911 h 2836933"/>
                    <a:gd name="connsiteX16" fmla="*/ 298456 w 1254918"/>
                    <a:gd name="connsiteY16" fmla="*/ 44153 h 2836933"/>
                    <a:gd name="connsiteX0" fmla="*/ 397504 w 1257212"/>
                    <a:gd name="connsiteY0" fmla="*/ 1 h 2836933"/>
                    <a:gd name="connsiteX1" fmla="*/ 953658 w 1257212"/>
                    <a:gd name="connsiteY1" fmla="*/ 125167 h 2836933"/>
                    <a:gd name="connsiteX2" fmla="*/ 1253452 w 1257212"/>
                    <a:gd name="connsiteY2" fmla="*/ 952869 h 2836933"/>
                    <a:gd name="connsiteX3" fmla="*/ 1049500 w 1257212"/>
                    <a:gd name="connsiteY3" fmla="*/ 1974625 h 2836933"/>
                    <a:gd name="connsiteX4" fmla="*/ 1003950 w 1257212"/>
                    <a:gd name="connsiteY4" fmla="*/ 999620 h 2836933"/>
                    <a:gd name="connsiteX5" fmla="*/ 940562 w 1257212"/>
                    <a:gd name="connsiteY5" fmla="*/ 628451 h 2836933"/>
                    <a:gd name="connsiteX6" fmla="*/ 926142 w 1257212"/>
                    <a:gd name="connsiteY6" fmla="*/ 2643188 h 2836933"/>
                    <a:gd name="connsiteX7" fmla="*/ 583242 w 1257212"/>
                    <a:gd name="connsiteY7" fmla="*/ 2614613 h 2836933"/>
                    <a:gd name="connsiteX8" fmla="*/ 597530 w 1257212"/>
                    <a:gd name="connsiteY8" fmla="*/ 1385888 h 2836933"/>
                    <a:gd name="connsiteX9" fmla="*/ 568954 w 1257212"/>
                    <a:gd name="connsiteY9" fmla="*/ 2686051 h 2836933"/>
                    <a:gd name="connsiteX10" fmla="*/ 240342 w 1257212"/>
                    <a:gd name="connsiteY10" fmla="*/ 2586038 h 2836933"/>
                    <a:gd name="connsiteX11" fmla="*/ 217562 w 1257212"/>
                    <a:gd name="connsiteY11" fmla="*/ 1301107 h 2836933"/>
                    <a:gd name="connsiteX12" fmla="*/ 223875 w 1257212"/>
                    <a:gd name="connsiteY12" fmla="*/ 563999 h 2836933"/>
                    <a:gd name="connsiteX13" fmla="*/ 143596 w 1257212"/>
                    <a:gd name="connsiteY13" fmla="*/ 1166781 h 2836933"/>
                    <a:gd name="connsiteX14" fmla="*/ 103667 w 1257212"/>
                    <a:gd name="connsiteY14" fmla="*/ 2035519 h 2836933"/>
                    <a:gd name="connsiteX15" fmla="*/ 4926 w 1257212"/>
                    <a:gd name="connsiteY15" fmla="*/ 701911 h 2836933"/>
                    <a:gd name="connsiteX16" fmla="*/ 300750 w 1257212"/>
                    <a:gd name="connsiteY16" fmla="*/ 44153 h 2836933"/>
                    <a:gd name="connsiteX0" fmla="*/ 394532 w 1254240"/>
                    <a:gd name="connsiteY0" fmla="*/ 1 h 2836933"/>
                    <a:gd name="connsiteX1" fmla="*/ 950686 w 1254240"/>
                    <a:gd name="connsiteY1" fmla="*/ 125167 h 2836933"/>
                    <a:gd name="connsiteX2" fmla="*/ 1250480 w 1254240"/>
                    <a:gd name="connsiteY2" fmla="*/ 952869 h 2836933"/>
                    <a:gd name="connsiteX3" fmla="*/ 1046528 w 1254240"/>
                    <a:gd name="connsiteY3" fmla="*/ 1974625 h 2836933"/>
                    <a:gd name="connsiteX4" fmla="*/ 1000978 w 1254240"/>
                    <a:gd name="connsiteY4" fmla="*/ 999620 h 2836933"/>
                    <a:gd name="connsiteX5" fmla="*/ 937590 w 1254240"/>
                    <a:gd name="connsiteY5" fmla="*/ 628451 h 2836933"/>
                    <a:gd name="connsiteX6" fmla="*/ 923170 w 1254240"/>
                    <a:gd name="connsiteY6" fmla="*/ 2643188 h 2836933"/>
                    <a:gd name="connsiteX7" fmla="*/ 580270 w 1254240"/>
                    <a:gd name="connsiteY7" fmla="*/ 2614613 h 2836933"/>
                    <a:gd name="connsiteX8" fmla="*/ 594558 w 1254240"/>
                    <a:gd name="connsiteY8" fmla="*/ 1385888 h 2836933"/>
                    <a:gd name="connsiteX9" fmla="*/ 565982 w 1254240"/>
                    <a:gd name="connsiteY9" fmla="*/ 2686051 h 2836933"/>
                    <a:gd name="connsiteX10" fmla="*/ 237370 w 1254240"/>
                    <a:gd name="connsiteY10" fmla="*/ 2586038 h 2836933"/>
                    <a:gd name="connsiteX11" fmla="*/ 214590 w 1254240"/>
                    <a:gd name="connsiteY11" fmla="*/ 1301107 h 2836933"/>
                    <a:gd name="connsiteX12" fmla="*/ 220903 w 1254240"/>
                    <a:gd name="connsiteY12" fmla="*/ 563999 h 2836933"/>
                    <a:gd name="connsiteX13" fmla="*/ 140624 w 1254240"/>
                    <a:gd name="connsiteY13" fmla="*/ 1166781 h 2836933"/>
                    <a:gd name="connsiteX14" fmla="*/ 192825 w 1254240"/>
                    <a:gd name="connsiteY14" fmla="*/ 1911840 h 2836933"/>
                    <a:gd name="connsiteX15" fmla="*/ 1954 w 1254240"/>
                    <a:gd name="connsiteY15" fmla="*/ 701911 h 2836933"/>
                    <a:gd name="connsiteX16" fmla="*/ 297778 w 1254240"/>
                    <a:gd name="connsiteY16" fmla="*/ 44153 h 2836933"/>
                    <a:gd name="connsiteX0" fmla="*/ 394031 w 1253739"/>
                    <a:gd name="connsiteY0" fmla="*/ 1 h 2836933"/>
                    <a:gd name="connsiteX1" fmla="*/ 950185 w 1253739"/>
                    <a:gd name="connsiteY1" fmla="*/ 125167 h 2836933"/>
                    <a:gd name="connsiteX2" fmla="*/ 1249979 w 1253739"/>
                    <a:gd name="connsiteY2" fmla="*/ 952869 h 2836933"/>
                    <a:gd name="connsiteX3" fmla="*/ 1046027 w 1253739"/>
                    <a:gd name="connsiteY3" fmla="*/ 1974625 h 2836933"/>
                    <a:gd name="connsiteX4" fmla="*/ 1000477 w 1253739"/>
                    <a:gd name="connsiteY4" fmla="*/ 999620 h 2836933"/>
                    <a:gd name="connsiteX5" fmla="*/ 937089 w 1253739"/>
                    <a:gd name="connsiteY5" fmla="*/ 628451 h 2836933"/>
                    <a:gd name="connsiteX6" fmla="*/ 922669 w 1253739"/>
                    <a:gd name="connsiteY6" fmla="*/ 2643188 h 2836933"/>
                    <a:gd name="connsiteX7" fmla="*/ 579769 w 1253739"/>
                    <a:gd name="connsiteY7" fmla="*/ 2614613 h 2836933"/>
                    <a:gd name="connsiteX8" fmla="*/ 594057 w 1253739"/>
                    <a:gd name="connsiteY8" fmla="*/ 1385888 h 2836933"/>
                    <a:gd name="connsiteX9" fmla="*/ 565481 w 1253739"/>
                    <a:gd name="connsiteY9" fmla="*/ 2686051 h 2836933"/>
                    <a:gd name="connsiteX10" fmla="*/ 236869 w 1253739"/>
                    <a:gd name="connsiteY10" fmla="*/ 2586038 h 2836933"/>
                    <a:gd name="connsiteX11" fmla="*/ 214089 w 1253739"/>
                    <a:gd name="connsiteY11" fmla="*/ 1301107 h 2836933"/>
                    <a:gd name="connsiteX12" fmla="*/ 220402 w 1253739"/>
                    <a:gd name="connsiteY12" fmla="*/ 563999 h 2836933"/>
                    <a:gd name="connsiteX13" fmla="*/ 158549 w 1253739"/>
                    <a:gd name="connsiteY13" fmla="*/ 1043102 h 2836933"/>
                    <a:gd name="connsiteX14" fmla="*/ 192324 w 1253739"/>
                    <a:gd name="connsiteY14" fmla="*/ 1911840 h 2836933"/>
                    <a:gd name="connsiteX15" fmla="*/ 1453 w 1253739"/>
                    <a:gd name="connsiteY15" fmla="*/ 701911 h 2836933"/>
                    <a:gd name="connsiteX16" fmla="*/ 297277 w 1253739"/>
                    <a:gd name="connsiteY16" fmla="*/ 44153 h 2836933"/>
                    <a:gd name="connsiteX0" fmla="*/ 394031 w 1253739"/>
                    <a:gd name="connsiteY0" fmla="*/ 1 h 2836933"/>
                    <a:gd name="connsiteX1" fmla="*/ 950185 w 1253739"/>
                    <a:gd name="connsiteY1" fmla="*/ 125167 h 2836933"/>
                    <a:gd name="connsiteX2" fmla="*/ 1249979 w 1253739"/>
                    <a:gd name="connsiteY2" fmla="*/ 952869 h 2836933"/>
                    <a:gd name="connsiteX3" fmla="*/ 1046027 w 1253739"/>
                    <a:gd name="connsiteY3" fmla="*/ 1974625 h 2836933"/>
                    <a:gd name="connsiteX4" fmla="*/ 1000477 w 1253739"/>
                    <a:gd name="connsiteY4" fmla="*/ 999620 h 2836933"/>
                    <a:gd name="connsiteX5" fmla="*/ 937089 w 1253739"/>
                    <a:gd name="connsiteY5" fmla="*/ 628451 h 2836933"/>
                    <a:gd name="connsiteX6" fmla="*/ 922669 w 1253739"/>
                    <a:gd name="connsiteY6" fmla="*/ 2643188 h 2836933"/>
                    <a:gd name="connsiteX7" fmla="*/ 579769 w 1253739"/>
                    <a:gd name="connsiteY7" fmla="*/ 2614613 h 2836933"/>
                    <a:gd name="connsiteX8" fmla="*/ 594057 w 1253739"/>
                    <a:gd name="connsiteY8" fmla="*/ 1385888 h 2836933"/>
                    <a:gd name="connsiteX9" fmla="*/ 565481 w 1253739"/>
                    <a:gd name="connsiteY9" fmla="*/ 2686051 h 2836933"/>
                    <a:gd name="connsiteX10" fmla="*/ 236869 w 1253739"/>
                    <a:gd name="connsiteY10" fmla="*/ 2586038 h 2836933"/>
                    <a:gd name="connsiteX11" fmla="*/ 214089 w 1253739"/>
                    <a:gd name="connsiteY11" fmla="*/ 1301107 h 2836933"/>
                    <a:gd name="connsiteX12" fmla="*/ 220402 w 1253739"/>
                    <a:gd name="connsiteY12" fmla="*/ 563999 h 2836933"/>
                    <a:gd name="connsiteX13" fmla="*/ 158549 w 1253739"/>
                    <a:gd name="connsiteY13" fmla="*/ 1043102 h 2836933"/>
                    <a:gd name="connsiteX14" fmla="*/ 192324 w 1253739"/>
                    <a:gd name="connsiteY14" fmla="*/ 1911840 h 2836933"/>
                    <a:gd name="connsiteX15" fmla="*/ 1453 w 1253739"/>
                    <a:gd name="connsiteY15" fmla="*/ 701911 h 2836933"/>
                    <a:gd name="connsiteX16" fmla="*/ 297277 w 1253739"/>
                    <a:gd name="connsiteY16" fmla="*/ 44153 h 2836933"/>
                    <a:gd name="connsiteX0" fmla="*/ 394571 w 1254279"/>
                    <a:gd name="connsiteY0" fmla="*/ 1 h 2836933"/>
                    <a:gd name="connsiteX1" fmla="*/ 950725 w 1254279"/>
                    <a:gd name="connsiteY1" fmla="*/ 125167 h 2836933"/>
                    <a:gd name="connsiteX2" fmla="*/ 1250519 w 1254279"/>
                    <a:gd name="connsiteY2" fmla="*/ 952869 h 2836933"/>
                    <a:gd name="connsiteX3" fmla="*/ 1046567 w 1254279"/>
                    <a:gd name="connsiteY3" fmla="*/ 1974625 h 2836933"/>
                    <a:gd name="connsiteX4" fmla="*/ 1001017 w 1254279"/>
                    <a:gd name="connsiteY4" fmla="*/ 999620 h 2836933"/>
                    <a:gd name="connsiteX5" fmla="*/ 937629 w 1254279"/>
                    <a:gd name="connsiteY5" fmla="*/ 628451 h 2836933"/>
                    <a:gd name="connsiteX6" fmla="*/ 923209 w 1254279"/>
                    <a:gd name="connsiteY6" fmla="*/ 2643188 h 2836933"/>
                    <a:gd name="connsiteX7" fmla="*/ 580309 w 1254279"/>
                    <a:gd name="connsiteY7" fmla="*/ 2614613 h 2836933"/>
                    <a:gd name="connsiteX8" fmla="*/ 594597 w 1254279"/>
                    <a:gd name="connsiteY8" fmla="*/ 1385888 h 2836933"/>
                    <a:gd name="connsiteX9" fmla="*/ 566021 w 1254279"/>
                    <a:gd name="connsiteY9" fmla="*/ 2686051 h 2836933"/>
                    <a:gd name="connsiteX10" fmla="*/ 237409 w 1254279"/>
                    <a:gd name="connsiteY10" fmla="*/ 2586038 h 2836933"/>
                    <a:gd name="connsiteX11" fmla="*/ 214629 w 1254279"/>
                    <a:gd name="connsiteY11" fmla="*/ 1301107 h 2836933"/>
                    <a:gd name="connsiteX12" fmla="*/ 220942 w 1254279"/>
                    <a:gd name="connsiteY12" fmla="*/ 563999 h 2836933"/>
                    <a:gd name="connsiteX13" fmla="*/ 159089 w 1254279"/>
                    <a:gd name="connsiteY13" fmla="*/ 1043102 h 2836933"/>
                    <a:gd name="connsiteX14" fmla="*/ 192864 w 1254279"/>
                    <a:gd name="connsiteY14" fmla="*/ 1911840 h 2836933"/>
                    <a:gd name="connsiteX15" fmla="*/ 1993 w 1254279"/>
                    <a:gd name="connsiteY15" fmla="*/ 701911 h 2836933"/>
                    <a:gd name="connsiteX16" fmla="*/ 297817 w 1254279"/>
                    <a:gd name="connsiteY16" fmla="*/ 44153 h 2836933"/>
                    <a:gd name="connsiteX0" fmla="*/ 396361 w 1256069"/>
                    <a:gd name="connsiteY0" fmla="*/ 1 h 2836933"/>
                    <a:gd name="connsiteX1" fmla="*/ 952515 w 1256069"/>
                    <a:gd name="connsiteY1" fmla="*/ 125167 h 2836933"/>
                    <a:gd name="connsiteX2" fmla="*/ 1252309 w 1256069"/>
                    <a:gd name="connsiteY2" fmla="*/ 952869 h 2836933"/>
                    <a:gd name="connsiteX3" fmla="*/ 1048357 w 1256069"/>
                    <a:gd name="connsiteY3" fmla="*/ 1974625 h 2836933"/>
                    <a:gd name="connsiteX4" fmla="*/ 1002807 w 1256069"/>
                    <a:gd name="connsiteY4" fmla="*/ 999620 h 2836933"/>
                    <a:gd name="connsiteX5" fmla="*/ 939419 w 1256069"/>
                    <a:gd name="connsiteY5" fmla="*/ 628451 h 2836933"/>
                    <a:gd name="connsiteX6" fmla="*/ 924999 w 1256069"/>
                    <a:gd name="connsiteY6" fmla="*/ 2643188 h 2836933"/>
                    <a:gd name="connsiteX7" fmla="*/ 582099 w 1256069"/>
                    <a:gd name="connsiteY7" fmla="*/ 2614613 h 2836933"/>
                    <a:gd name="connsiteX8" fmla="*/ 596387 w 1256069"/>
                    <a:gd name="connsiteY8" fmla="*/ 1385888 h 2836933"/>
                    <a:gd name="connsiteX9" fmla="*/ 567811 w 1256069"/>
                    <a:gd name="connsiteY9" fmla="*/ 2686051 h 2836933"/>
                    <a:gd name="connsiteX10" fmla="*/ 239199 w 1256069"/>
                    <a:gd name="connsiteY10" fmla="*/ 2586038 h 2836933"/>
                    <a:gd name="connsiteX11" fmla="*/ 216419 w 1256069"/>
                    <a:gd name="connsiteY11" fmla="*/ 1301107 h 2836933"/>
                    <a:gd name="connsiteX12" fmla="*/ 222732 w 1256069"/>
                    <a:gd name="connsiteY12" fmla="*/ 563999 h 2836933"/>
                    <a:gd name="connsiteX13" fmla="*/ 160879 w 1256069"/>
                    <a:gd name="connsiteY13" fmla="*/ 1043102 h 2836933"/>
                    <a:gd name="connsiteX14" fmla="*/ 194654 w 1256069"/>
                    <a:gd name="connsiteY14" fmla="*/ 1911840 h 2836933"/>
                    <a:gd name="connsiteX15" fmla="*/ 3783 w 1256069"/>
                    <a:gd name="connsiteY15" fmla="*/ 701911 h 2836933"/>
                    <a:gd name="connsiteX16" fmla="*/ 299607 w 1256069"/>
                    <a:gd name="connsiteY16" fmla="*/ 44153 h 2836933"/>
                    <a:gd name="connsiteX0" fmla="*/ 394176 w 1253884"/>
                    <a:gd name="connsiteY0" fmla="*/ 1 h 2836933"/>
                    <a:gd name="connsiteX1" fmla="*/ 950330 w 1253884"/>
                    <a:gd name="connsiteY1" fmla="*/ 125167 h 2836933"/>
                    <a:gd name="connsiteX2" fmla="*/ 1250124 w 1253884"/>
                    <a:gd name="connsiteY2" fmla="*/ 952869 h 2836933"/>
                    <a:gd name="connsiteX3" fmla="*/ 1046172 w 1253884"/>
                    <a:gd name="connsiteY3" fmla="*/ 1974625 h 2836933"/>
                    <a:gd name="connsiteX4" fmla="*/ 1000622 w 1253884"/>
                    <a:gd name="connsiteY4" fmla="*/ 999620 h 2836933"/>
                    <a:gd name="connsiteX5" fmla="*/ 937234 w 1253884"/>
                    <a:gd name="connsiteY5" fmla="*/ 628451 h 2836933"/>
                    <a:gd name="connsiteX6" fmla="*/ 922814 w 1253884"/>
                    <a:gd name="connsiteY6" fmla="*/ 2643188 h 2836933"/>
                    <a:gd name="connsiteX7" fmla="*/ 579914 w 1253884"/>
                    <a:gd name="connsiteY7" fmla="*/ 2614613 h 2836933"/>
                    <a:gd name="connsiteX8" fmla="*/ 594202 w 1253884"/>
                    <a:gd name="connsiteY8" fmla="*/ 1385888 h 2836933"/>
                    <a:gd name="connsiteX9" fmla="*/ 565626 w 1253884"/>
                    <a:gd name="connsiteY9" fmla="*/ 2686051 h 2836933"/>
                    <a:gd name="connsiteX10" fmla="*/ 237014 w 1253884"/>
                    <a:gd name="connsiteY10" fmla="*/ 2586038 h 2836933"/>
                    <a:gd name="connsiteX11" fmla="*/ 214234 w 1253884"/>
                    <a:gd name="connsiteY11" fmla="*/ 1301107 h 2836933"/>
                    <a:gd name="connsiteX12" fmla="*/ 220547 w 1253884"/>
                    <a:gd name="connsiteY12" fmla="*/ 563999 h 2836933"/>
                    <a:gd name="connsiteX13" fmla="*/ 158694 w 1253884"/>
                    <a:gd name="connsiteY13" fmla="*/ 1043102 h 2836933"/>
                    <a:gd name="connsiteX14" fmla="*/ 192469 w 1253884"/>
                    <a:gd name="connsiteY14" fmla="*/ 1911840 h 2836933"/>
                    <a:gd name="connsiteX15" fmla="*/ 1598 w 1253884"/>
                    <a:gd name="connsiteY15" fmla="*/ 701911 h 2836933"/>
                    <a:gd name="connsiteX16" fmla="*/ 297422 w 1253884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1043102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1043102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130 w 1262838"/>
                    <a:gd name="connsiteY0" fmla="*/ 1 h 2836933"/>
                    <a:gd name="connsiteX1" fmla="*/ 959284 w 1262838"/>
                    <a:gd name="connsiteY1" fmla="*/ 125167 h 2836933"/>
                    <a:gd name="connsiteX2" fmla="*/ 1259078 w 1262838"/>
                    <a:gd name="connsiteY2" fmla="*/ 952869 h 2836933"/>
                    <a:gd name="connsiteX3" fmla="*/ 1055126 w 1262838"/>
                    <a:gd name="connsiteY3" fmla="*/ 1974625 h 2836933"/>
                    <a:gd name="connsiteX4" fmla="*/ 1009576 w 1262838"/>
                    <a:gd name="connsiteY4" fmla="*/ 999620 h 2836933"/>
                    <a:gd name="connsiteX5" fmla="*/ 946188 w 1262838"/>
                    <a:gd name="connsiteY5" fmla="*/ 628451 h 2836933"/>
                    <a:gd name="connsiteX6" fmla="*/ 931768 w 1262838"/>
                    <a:gd name="connsiteY6" fmla="*/ 2643188 h 2836933"/>
                    <a:gd name="connsiteX7" fmla="*/ 588868 w 1262838"/>
                    <a:gd name="connsiteY7" fmla="*/ 2614613 h 2836933"/>
                    <a:gd name="connsiteX8" fmla="*/ 603156 w 1262838"/>
                    <a:gd name="connsiteY8" fmla="*/ 1385888 h 2836933"/>
                    <a:gd name="connsiteX9" fmla="*/ 574580 w 1262838"/>
                    <a:gd name="connsiteY9" fmla="*/ 2686051 h 2836933"/>
                    <a:gd name="connsiteX10" fmla="*/ 245968 w 1262838"/>
                    <a:gd name="connsiteY10" fmla="*/ 2586038 h 2836933"/>
                    <a:gd name="connsiteX11" fmla="*/ 223188 w 1262838"/>
                    <a:gd name="connsiteY11" fmla="*/ 1301107 h 2836933"/>
                    <a:gd name="connsiteX12" fmla="*/ 229501 w 1262838"/>
                    <a:gd name="connsiteY12" fmla="*/ 563999 h 2836933"/>
                    <a:gd name="connsiteX13" fmla="*/ 167648 w 1262838"/>
                    <a:gd name="connsiteY13" fmla="*/ 1043102 h 2836933"/>
                    <a:gd name="connsiteX14" fmla="*/ 201423 w 1262838"/>
                    <a:gd name="connsiteY14" fmla="*/ 1911840 h 2836933"/>
                    <a:gd name="connsiteX15" fmla="*/ 1339 w 1262838"/>
                    <a:gd name="connsiteY15" fmla="*/ 918348 h 2836933"/>
                    <a:gd name="connsiteX16" fmla="*/ 306376 w 1262838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919423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323 w 1263031"/>
                    <a:gd name="connsiteY0" fmla="*/ 1 h 2836933"/>
                    <a:gd name="connsiteX1" fmla="*/ 959477 w 1263031"/>
                    <a:gd name="connsiteY1" fmla="*/ 125167 h 2836933"/>
                    <a:gd name="connsiteX2" fmla="*/ 1259271 w 1263031"/>
                    <a:gd name="connsiteY2" fmla="*/ 952869 h 2836933"/>
                    <a:gd name="connsiteX3" fmla="*/ 1055319 w 1263031"/>
                    <a:gd name="connsiteY3" fmla="*/ 1974625 h 2836933"/>
                    <a:gd name="connsiteX4" fmla="*/ 1009769 w 1263031"/>
                    <a:gd name="connsiteY4" fmla="*/ 999620 h 2836933"/>
                    <a:gd name="connsiteX5" fmla="*/ 946381 w 1263031"/>
                    <a:gd name="connsiteY5" fmla="*/ 628451 h 2836933"/>
                    <a:gd name="connsiteX6" fmla="*/ 931961 w 1263031"/>
                    <a:gd name="connsiteY6" fmla="*/ 2643188 h 2836933"/>
                    <a:gd name="connsiteX7" fmla="*/ 589061 w 1263031"/>
                    <a:gd name="connsiteY7" fmla="*/ 2614613 h 2836933"/>
                    <a:gd name="connsiteX8" fmla="*/ 603349 w 1263031"/>
                    <a:gd name="connsiteY8" fmla="*/ 1385888 h 2836933"/>
                    <a:gd name="connsiteX9" fmla="*/ 574773 w 1263031"/>
                    <a:gd name="connsiteY9" fmla="*/ 2686051 h 2836933"/>
                    <a:gd name="connsiteX10" fmla="*/ 246161 w 1263031"/>
                    <a:gd name="connsiteY10" fmla="*/ 2586038 h 2836933"/>
                    <a:gd name="connsiteX11" fmla="*/ 223381 w 1263031"/>
                    <a:gd name="connsiteY11" fmla="*/ 1301107 h 2836933"/>
                    <a:gd name="connsiteX12" fmla="*/ 229694 w 1263031"/>
                    <a:gd name="connsiteY12" fmla="*/ 563999 h 2836933"/>
                    <a:gd name="connsiteX13" fmla="*/ 167841 w 1263031"/>
                    <a:gd name="connsiteY13" fmla="*/ 919423 h 2836933"/>
                    <a:gd name="connsiteX14" fmla="*/ 201616 w 1263031"/>
                    <a:gd name="connsiteY14" fmla="*/ 1911840 h 2836933"/>
                    <a:gd name="connsiteX15" fmla="*/ 1532 w 1263031"/>
                    <a:gd name="connsiteY15" fmla="*/ 918348 h 2836933"/>
                    <a:gd name="connsiteX16" fmla="*/ 306569 w 1263031"/>
                    <a:gd name="connsiteY16" fmla="*/ 44153 h 2836933"/>
                    <a:gd name="connsiteX0" fmla="*/ 403252 w 1262960"/>
                    <a:gd name="connsiteY0" fmla="*/ 1 h 2836933"/>
                    <a:gd name="connsiteX1" fmla="*/ 959406 w 1262960"/>
                    <a:gd name="connsiteY1" fmla="*/ 125167 h 2836933"/>
                    <a:gd name="connsiteX2" fmla="*/ 1259200 w 1262960"/>
                    <a:gd name="connsiteY2" fmla="*/ 952869 h 2836933"/>
                    <a:gd name="connsiteX3" fmla="*/ 1055248 w 1262960"/>
                    <a:gd name="connsiteY3" fmla="*/ 1974625 h 2836933"/>
                    <a:gd name="connsiteX4" fmla="*/ 1009698 w 1262960"/>
                    <a:gd name="connsiteY4" fmla="*/ 999620 h 2836933"/>
                    <a:gd name="connsiteX5" fmla="*/ 946310 w 1262960"/>
                    <a:gd name="connsiteY5" fmla="*/ 628451 h 2836933"/>
                    <a:gd name="connsiteX6" fmla="*/ 931890 w 1262960"/>
                    <a:gd name="connsiteY6" fmla="*/ 2643188 h 2836933"/>
                    <a:gd name="connsiteX7" fmla="*/ 588990 w 1262960"/>
                    <a:gd name="connsiteY7" fmla="*/ 2614613 h 2836933"/>
                    <a:gd name="connsiteX8" fmla="*/ 603278 w 1262960"/>
                    <a:gd name="connsiteY8" fmla="*/ 1385888 h 2836933"/>
                    <a:gd name="connsiteX9" fmla="*/ 574702 w 1262960"/>
                    <a:gd name="connsiteY9" fmla="*/ 2686051 h 2836933"/>
                    <a:gd name="connsiteX10" fmla="*/ 246090 w 1262960"/>
                    <a:gd name="connsiteY10" fmla="*/ 2586038 h 2836933"/>
                    <a:gd name="connsiteX11" fmla="*/ 223310 w 1262960"/>
                    <a:gd name="connsiteY11" fmla="*/ 1301107 h 2836933"/>
                    <a:gd name="connsiteX12" fmla="*/ 229623 w 1262960"/>
                    <a:gd name="connsiteY12" fmla="*/ 563999 h 2836933"/>
                    <a:gd name="connsiteX13" fmla="*/ 167770 w 1262960"/>
                    <a:gd name="connsiteY13" fmla="*/ 919423 h 2836933"/>
                    <a:gd name="connsiteX14" fmla="*/ 210757 w 1262960"/>
                    <a:gd name="connsiteY14" fmla="*/ 1757240 h 2836933"/>
                    <a:gd name="connsiteX15" fmla="*/ 1461 w 1262960"/>
                    <a:gd name="connsiteY15" fmla="*/ 918348 h 2836933"/>
                    <a:gd name="connsiteX16" fmla="*/ 306498 w 1262960"/>
                    <a:gd name="connsiteY16" fmla="*/ 44153 h 2836933"/>
                    <a:gd name="connsiteX0" fmla="*/ 458170 w 1317878"/>
                    <a:gd name="connsiteY0" fmla="*/ 1 h 2836933"/>
                    <a:gd name="connsiteX1" fmla="*/ 1014324 w 1317878"/>
                    <a:gd name="connsiteY1" fmla="*/ 125167 h 2836933"/>
                    <a:gd name="connsiteX2" fmla="*/ 1314118 w 1317878"/>
                    <a:gd name="connsiteY2" fmla="*/ 952869 h 2836933"/>
                    <a:gd name="connsiteX3" fmla="*/ 1110166 w 1317878"/>
                    <a:gd name="connsiteY3" fmla="*/ 1974625 h 2836933"/>
                    <a:gd name="connsiteX4" fmla="*/ 1064616 w 1317878"/>
                    <a:gd name="connsiteY4" fmla="*/ 999620 h 2836933"/>
                    <a:gd name="connsiteX5" fmla="*/ 1001228 w 1317878"/>
                    <a:gd name="connsiteY5" fmla="*/ 628451 h 2836933"/>
                    <a:gd name="connsiteX6" fmla="*/ 986808 w 1317878"/>
                    <a:gd name="connsiteY6" fmla="*/ 2643188 h 2836933"/>
                    <a:gd name="connsiteX7" fmla="*/ 643908 w 1317878"/>
                    <a:gd name="connsiteY7" fmla="*/ 2614613 h 2836933"/>
                    <a:gd name="connsiteX8" fmla="*/ 658196 w 1317878"/>
                    <a:gd name="connsiteY8" fmla="*/ 1385888 h 2836933"/>
                    <a:gd name="connsiteX9" fmla="*/ 629620 w 1317878"/>
                    <a:gd name="connsiteY9" fmla="*/ 2686051 h 2836933"/>
                    <a:gd name="connsiteX10" fmla="*/ 301008 w 1317878"/>
                    <a:gd name="connsiteY10" fmla="*/ 2586038 h 2836933"/>
                    <a:gd name="connsiteX11" fmla="*/ 278228 w 1317878"/>
                    <a:gd name="connsiteY11" fmla="*/ 1301107 h 2836933"/>
                    <a:gd name="connsiteX12" fmla="*/ 284541 w 1317878"/>
                    <a:gd name="connsiteY12" fmla="*/ 563999 h 2836933"/>
                    <a:gd name="connsiteX13" fmla="*/ 222688 w 1317878"/>
                    <a:gd name="connsiteY13" fmla="*/ 919423 h 2836933"/>
                    <a:gd name="connsiteX14" fmla="*/ 265675 w 1317878"/>
                    <a:gd name="connsiteY14" fmla="*/ 1757240 h 2836933"/>
                    <a:gd name="connsiteX15" fmla="*/ 1101 w 1317878"/>
                    <a:gd name="connsiteY15" fmla="*/ 949266 h 2836933"/>
                    <a:gd name="connsiteX16" fmla="*/ 361416 w 1317878"/>
                    <a:gd name="connsiteY16" fmla="*/ 44153 h 2836933"/>
                    <a:gd name="connsiteX0" fmla="*/ 430640 w 1290348"/>
                    <a:gd name="connsiteY0" fmla="*/ 1 h 2836933"/>
                    <a:gd name="connsiteX1" fmla="*/ 986794 w 1290348"/>
                    <a:gd name="connsiteY1" fmla="*/ 125167 h 2836933"/>
                    <a:gd name="connsiteX2" fmla="*/ 1286588 w 1290348"/>
                    <a:gd name="connsiteY2" fmla="*/ 952869 h 2836933"/>
                    <a:gd name="connsiteX3" fmla="*/ 1082636 w 1290348"/>
                    <a:gd name="connsiteY3" fmla="*/ 1974625 h 2836933"/>
                    <a:gd name="connsiteX4" fmla="*/ 1037086 w 1290348"/>
                    <a:gd name="connsiteY4" fmla="*/ 999620 h 2836933"/>
                    <a:gd name="connsiteX5" fmla="*/ 973698 w 1290348"/>
                    <a:gd name="connsiteY5" fmla="*/ 628451 h 2836933"/>
                    <a:gd name="connsiteX6" fmla="*/ 959278 w 1290348"/>
                    <a:gd name="connsiteY6" fmla="*/ 2643188 h 2836933"/>
                    <a:gd name="connsiteX7" fmla="*/ 616378 w 1290348"/>
                    <a:gd name="connsiteY7" fmla="*/ 2614613 h 2836933"/>
                    <a:gd name="connsiteX8" fmla="*/ 630666 w 1290348"/>
                    <a:gd name="connsiteY8" fmla="*/ 1385888 h 2836933"/>
                    <a:gd name="connsiteX9" fmla="*/ 602090 w 1290348"/>
                    <a:gd name="connsiteY9" fmla="*/ 2686051 h 2836933"/>
                    <a:gd name="connsiteX10" fmla="*/ 273478 w 1290348"/>
                    <a:gd name="connsiteY10" fmla="*/ 2586038 h 2836933"/>
                    <a:gd name="connsiteX11" fmla="*/ 250698 w 1290348"/>
                    <a:gd name="connsiteY11" fmla="*/ 1301107 h 2836933"/>
                    <a:gd name="connsiteX12" fmla="*/ 257011 w 1290348"/>
                    <a:gd name="connsiteY12" fmla="*/ 563999 h 2836933"/>
                    <a:gd name="connsiteX13" fmla="*/ 195158 w 1290348"/>
                    <a:gd name="connsiteY13" fmla="*/ 919423 h 2836933"/>
                    <a:gd name="connsiteX14" fmla="*/ 238145 w 1290348"/>
                    <a:gd name="connsiteY14" fmla="*/ 1757240 h 2836933"/>
                    <a:gd name="connsiteX15" fmla="*/ 1209 w 1290348"/>
                    <a:gd name="connsiteY15" fmla="*/ 949266 h 2836933"/>
                    <a:gd name="connsiteX16" fmla="*/ 333886 w 1290348"/>
                    <a:gd name="connsiteY16" fmla="*/ 44153 h 2836933"/>
                    <a:gd name="connsiteX0" fmla="*/ 430860 w 1290568"/>
                    <a:gd name="connsiteY0" fmla="*/ 1 h 2836933"/>
                    <a:gd name="connsiteX1" fmla="*/ 987014 w 1290568"/>
                    <a:gd name="connsiteY1" fmla="*/ 125167 h 2836933"/>
                    <a:gd name="connsiteX2" fmla="*/ 1286808 w 1290568"/>
                    <a:gd name="connsiteY2" fmla="*/ 952869 h 2836933"/>
                    <a:gd name="connsiteX3" fmla="*/ 1082856 w 1290568"/>
                    <a:gd name="connsiteY3" fmla="*/ 1974625 h 2836933"/>
                    <a:gd name="connsiteX4" fmla="*/ 1037306 w 1290568"/>
                    <a:gd name="connsiteY4" fmla="*/ 999620 h 2836933"/>
                    <a:gd name="connsiteX5" fmla="*/ 973918 w 1290568"/>
                    <a:gd name="connsiteY5" fmla="*/ 628451 h 2836933"/>
                    <a:gd name="connsiteX6" fmla="*/ 959498 w 1290568"/>
                    <a:gd name="connsiteY6" fmla="*/ 2643188 h 2836933"/>
                    <a:gd name="connsiteX7" fmla="*/ 616598 w 1290568"/>
                    <a:gd name="connsiteY7" fmla="*/ 2614613 h 2836933"/>
                    <a:gd name="connsiteX8" fmla="*/ 630886 w 1290568"/>
                    <a:gd name="connsiteY8" fmla="*/ 1385888 h 2836933"/>
                    <a:gd name="connsiteX9" fmla="*/ 602310 w 1290568"/>
                    <a:gd name="connsiteY9" fmla="*/ 2686051 h 2836933"/>
                    <a:gd name="connsiteX10" fmla="*/ 273698 w 1290568"/>
                    <a:gd name="connsiteY10" fmla="*/ 2586038 h 2836933"/>
                    <a:gd name="connsiteX11" fmla="*/ 250918 w 1290568"/>
                    <a:gd name="connsiteY11" fmla="*/ 1301107 h 2836933"/>
                    <a:gd name="connsiteX12" fmla="*/ 257231 w 1290568"/>
                    <a:gd name="connsiteY12" fmla="*/ 563999 h 2836933"/>
                    <a:gd name="connsiteX13" fmla="*/ 195378 w 1290568"/>
                    <a:gd name="connsiteY13" fmla="*/ 919423 h 2836933"/>
                    <a:gd name="connsiteX14" fmla="*/ 201513 w 1290568"/>
                    <a:gd name="connsiteY14" fmla="*/ 1757240 h 2836933"/>
                    <a:gd name="connsiteX15" fmla="*/ 1429 w 1290568"/>
                    <a:gd name="connsiteY15" fmla="*/ 949266 h 2836933"/>
                    <a:gd name="connsiteX16" fmla="*/ 334106 w 1290568"/>
                    <a:gd name="connsiteY16" fmla="*/ 44153 h 2836933"/>
                    <a:gd name="connsiteX0" fmla="*/ 431081 w 1290789"/>
                    <a:gd name="connsiteY0" fmla="*/ 1 h 2836933"/>
                    <a:gd name="connsiteX1" fmla="*/ 987235 w 1290789"/>
                    <a:gd name="connsiteY1" fmla="*/ 125167 h 2836933"/>
                    <a:gd name="connsiteX2" fmla="*/ 1287029 w 1290789"/>
                    <a:gd name="connsiteY2" fmla="*/ 952869 h 2836933"/>
                    <a:gd name="connsiteX3" fmla="*/ 1083077 w 1290789"/>
                    <a:gd name="connsiteY3" fmla="*/ 1974625 h 2836933"/>
                    <a:gd name="connsiteX4" fmla="*/ 1037527 w 1290789"/>
                    <a:gd name="connsiteY4" fmla="*/ 999620 h 2836933"/>
                    <a:gd name="connsiteX5" fmla="*/ 974139 w 1290789"/>
                    <a:gd name="connsiteY5" fmla="*/ 628451 h 2836933"/>
                    <a:gd name="connsiteX6" fmla="*/ 959719 w 1290789"/>
                    <a:gd name="connsiteY6" fmla="*/ 2643188 h 2836933"/>
                    <a:gd name="connsiteX7" fmla="*/ 616819 w 1290789"/>
                    <a:gd name="connsiteY7" fmla="*/ 2614613 h 2836933"/>
                    <a:gd name="connsiteX8" fmla="*/ 631107 w 1290789"/>
                    <a:gd name="connsiteY8" fmla="*/ 1385888 h 2836933"/>
                    <a:gd name="connsiteX9" fmla="*/ 602531 w 1290789"/>
                    <a:gd name="connsiteY9" fmla="*/ 2686051 h 2836933"/>
                    <a:gd name="connsiteX10" fmla="*/ 273919 w 1290789"/>
                    <a:gd name="connsiteY10" fmla="*/ 2586038 h 2836933"/>
                    <a:gd name="connsiteX11" fmla="*/ 251139 w 1290789"/>
                    <a:gd name="connsiteY11" fmla="*/ 1301107 h 2836933"/>
                    <a:gd name="connsiteX12" fmla="*/ 257452 w 1290789"/>
                    <a:gd name="connsiteY12" fmla="*/ 563999 h 2836933"/>
                    <a:gd name="connsiteX13" fmla="*/ 195599 w 1290789"/>
                    <a:gd name="connsiteY13" fmla="*/ 919423 h 2836933"/>
                    <a:gd name="connsiteX14" fmla="*/ 201734 w 1290789"/>
                    <a:gd name="connsiteY14" fmla="*/ 1757240 h 2836933"/>
                    <a:gd name="connsiteX15" fmla="*/ 1650 w 1290789"/>
                    <a:gd name="connsiteY15" fmla="*/ 949266 h 2836933"/>
                    <a:gd name="connsiteX16" fmla="*/ 334327 w 1290789"/>
                    <a:gd name="connsiteY16" fmla="*/ 44153 h 2836933"/>
                    <a:gd name="connsiteX0" fmla="*/ 431081 w 1290789"/>
                    <a:gd name="connsiteY0" fmla="*/ 1 h 2836933"/>
                    <a:gd name="connsiteX1" fmla="*/ 987235 w 1290789"/>
                    <a:gd name="connsiteY1" fmla="*/ 125167 h 2836933"/>
                    <a:gd name="connsiteX2" fmla="*/ 1287029 w 1290789"/>
                    <a:gd name="connsiteY2" fmla="*/ 952869 h 2836933"/>
                    <a:gd name="connsiteX3" fmla="*/ 1083077 w 1290789"/>
                    <a:gd name="connsiteY3" fmla="*/ 1974625 h 2836933"/>
                    <a:gd name="connsiteX4" fmla="*/ 1037527 w 1290789"/>
                    <a:gd name="connsiteY4" fmla="*/ 999620 h 2836933"/>
                    <a:gd name="connsiteX5" fmla="*/ 974139 w 1290789"/>
                    <a:gd name="connsiteY5" fmla="*/ 628451 h 2836933"/>
                    <a:gd name="connsiteX6" fmla="*/ 959719 w 1290789"/>
                    <a:gd name="connsiteY6" fmla="*/ 2643188 h 2836933"/>
                    <a:gd name="connsiteX7" fmla="*/ 616819 w 1290789"/>
                    <a:gd name="connsiteY7" fmla="*/ 2614613 h 2836933"/>
                    <a:gd name="connsiteX8" fmla="*/ 631107 w 1290789"/>
                    <a:gd name="connsiteY8" fmla="*/ 1385888 h 2836933"/>
                    <a:gd name="connsiteX9" fmla="*/ 602531 w 1290789"/>
                    <a:gd name="connsiteY9" fmla="*/ 2686051 h 2836933"/>
                    <a:gd name="connsiteX10" fmla="*/ 273919 w 1290789"/>
                    <a:gd name="connsiteY10" fmla="*/ 2586038 h 2836933"/>
                    <a:gd name="connsiteX11" fmla="*/ 251139 w 1290789"/>
                    <a:gd name="connsiteY11" fmla="*/ 1301107 h 2836933"/>
                    <a:gd name="connsiteX12" fmla="*/ 257452 w 1290789"/>
                    <a:gd name="connsiteY12" fmla="*/ 563999 h 2836933"/>
                    <a:gd name="connsiteX13" fmla="*/ 195599 w 1290789"/>
                    <a:gd name="connsiteY13" fmla="*/ 919423 h 2836933"/>
                    <a:gd name="connsiteX14" fmla="*/ 201734 w 1290789"/>
                    <a:gd name="connsiteY14" fmla="*/ 1757240 h 2836933"/>
                    <a:gd name="connsiteX15" fmla="*/ 1650 w 1290789"/>
                    <a:gd name="connsiteY15" fmla="*/ 949266 h 2836933"/>
                    <a:gd name="connsiteX16" fmla="*/ 408030 w 1290789"/>
                    <a:gd name="connsiteY16" fmla="*/ 13231 h 2836933"/>
                    <a:gd name="connsiteX0" fmla="*/ 431081 w 1290789"/>
                    <a:gd name="connsiteY0" fmla="*/ 1 h 2836933"/>
                    <a:gd name="connsiteX1" fmla="*/ 406357 w 1290789"/>
                    <a:gd name="connsiteY1" fmla="*/ 21745 h 2836933"/>
                    <a:gd name="connsiteX2" fmla="*/ 987235 w 1290789"/>
                    <a:gd name="connsiteY2" fmla="*/ 125167 h 2836933"/>
                    <a:gd name="connsiteX3" fmla="*/ 1287029 w 1290789"/>
                    <a:gd name="connsiteY3" fmla="*/ 952869 h 2836933"/>
                    <a:gd name="connsiteX4" fmla="*/ 1083077 w 1290789"/>
                    <a:gd name="connsiteY4" fmla="*/ 1974625 h 2836933"/>
                    <a:gd name="connsiteX5" fmla="*/ 1037527 w 1290789"/>
                    <a:gd name="connsiteY5" fmla="*/ 999620 h 2836933"/>
                    <a:gd name="connsiteX6" fmla="*/ 974139 w 1290789"/>
                    <a:gd name="connsiteY6" fmla="*/ 628451 h 2836933"/>
                    <a:gd name="connsiteX7" fmla="*/ 959719 w 1290789"/>
                    <a:gd name="connsiteY7" fmla="*/ 2643188 h 2836933"/>
                    <a:gd name="connsiteX8" fmla="*/ 616819 w 1290789"/>
                    <a:gd name="connsiteY8" fmla="*/ 2614613 h 2836933"/>
                    <a:gd name="connsiteX9" fmla="*/ 631107 w 1290789"/>
                    <a:gd name="connsiteY9" fmla="*/ 1385888 h 2836933"/>
                    <a:gd name="connsiteX10" fmla="*/ 602531 w 1290789"/>
                    <a:gd name="connsiteY10" fmla="*/ 2686051 h 2836933"/>
                    <a:gd name="connsiteX11" fmla="*/ 273919 w 1290789"/>
                    <a:gd name="connsiteY11" fmla="*/ 2586038 h 2836933"/>
                    <a:gd name="connsiteX12" fmla="*/ 251139 w 1290789"/>
                    <a:gd name="connsiteY12" fmla="*/ 1301107 h 2836933"/>
                    <a:gd name="connsiteX13" fmla="*/ 257452 w 1290789"/>
                    <a:gd name="connsiteY13" fmla="*/ 563999 h 2836933"/>
                    <a:gd name="connsiteX14" fmla="*/ 195599 w 1290789"/>
                    <a:gd name="connsiteY14" fmla="*/ 919423 h 2836933"/>
                    <a:gd name="connsiteX15" fmla="*/ 201734 w 1290789"/>
                    <a:gd name="connsiteY15" fmla="*/ 1757240 h 2836933"/>
                    <a:gd name="connsiteX16" fmla="*/ 1650 w 1290789"/>
                    <a:gd name="connsiteY16" fmla="*/ 949266 h 2836933"/>
                    <a:gd name="connsiteX17" fmla="*/ 408030 w 1290789"/>
                    <a:gd name="connsiteY17" fmla="*/ 13231 h 283693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</a:cxnLst>
                  <a:rect l="l" t="t" r="r" b="b"/>
                  <a:pathLst>
                    <a:path w="1290789" h="2836933">
                      <a:moveTo>
                        <a:pt x="431081" y="1"/>
                      </a:moveTo>
                      <a:cubicBezTo>
                        <a:pt x="439244" y="13931"/>
                        <a:pt x="313665" y="884"/>
                        <a:pt x="406357" y="21745"/>
                      </a:cubicBezTo>
                      <a:cubicBezTo>
                        <a:pt x="499049" y="42606"/>
                        <a:pt x="840456" y="-30020"/>
                        <a:pt x="987235" y="125167"/>
                      </a:cubicBezTo>
                      <a:cubicBezTo>
                        <a:pt x="1134014" y="280354"/>
                        <a:pt x="1271055" y="644626"/>
                        <a:pt x="1287029" y="952869"/>
                      </a:cubicBezTo>
                      <a:cubicBezTo>
                        <a:pt x="1303003" y="1261112"/>
                        <a:pt x="1274042" y="2085921"/>
                        <a:pt x="1083077" y="1974625"/>
                      </a:cubicBezTo>
                      <a:cubicBezTo>
                        <a:pt x="892112" y="1863329"/>
                        <a:pt x="1113077" y="1358111"/>
                        <a:pt x="1037527" y="999620"/>
                      </a:cubicBezTo>
                      <a:cubicBezTo>
                        <a:pt x="961977" y="641129"/>
                        <a:pt x="987107" y="354523"/>
                        <a:pt x="974139" y="628451"/>
                      </a:cubicBezTo>
                      <a:cubicBezTo>
                        <a:pt x="961171" y="902379"/>
                        <a:pt x="1019272" y="2312161"/>
                        <a:pt x="959719" y="2643188"/>
                      </a:cubicBezTo>
                      <a:cubicBezTo>
                        <a:pt x="900166" y="2974215"/>
                        <a:pt x="671588" y="2824163"/>
                        <a:pt x="616819" y="2614613"/>
                      </a:cubicBezTo>
                      <a:cubicBezTo>
                        <a:pt x="562050" y="2405063"/>
                        <a:pt x="633488" y="1373982"/>
                        <a:pt x="631107" y="1385888"/>
                      </a:cubicBezTo>
                      <a:cubicBezTo>
                        <a:pt x="628726" y="1397794"/>
                        <a:pt x="662062" y="2486026"/>
                        <a:pt x="602531" y="2686051"/>
                      </a:cubicBezTo>
                      <a:cubicBezTo>
                        <a:pt x="543000" y="2886076"/>
                        <a:pt x="332484" y="2816862"/>
                        <a:pt x="273919" y="2586038"/>
                      </a:cubicBezTo>
                      <a:cubicBezTo>
                        <a:pt x="215354" y="2355214"/>
                        <a:pt x="253883" y="1638113"/>
                        <a:pt x="251139" y="1301107"/>
                      </a:cubicBezTo>
                      <a:cubicBezTo>
                        <a:pt x="248395" y="964101"/>
                        <a:pt x="266709" y="627613"/>
                        <a:pt x="257452" y="563999"/>
                      </a:cubicBezTo>
                      <a:cubicBezTo>
                        <a:pt x="248195" y="500385"/>
                        <a:pt x="203350" y="710243"/>
                        <a:pt x="195599" y="919423"/>
                      </a:cubicBezTo>
                      <a:cubicBezTo>
                        <a:pt x="187848" y="1128603"/>
                        <a:pt x="261698" y="1597669"/>
                        <a:pt x="201734" y="1757240"/>
                      </a:cubicBezTo>
                      <a:cubicBezTo>
                        <a:pt x="141770" y="1916811"/>
                        <a:pt x="-17920" y="1976033"/>
                        <a:pt x="1650" y="949266"/>
                      </a:cubicBezTo>
                      <a:cubicBezTo>
                        <a:pt x="2333" y="208797"/>
                        <a:pt x="418980" y="19404"/>
                        <a:pt x="408030" y="13231"/>
                      </a:cubicBezTo>
                    </a:path>
                  </a:pathLst>
                </a:custGeom>
                <a:solidFill>
                  <a:schemeClr val="accent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SG"/>
                </a:p>
              </p:txBody>
            </p:sp>
          </p:grpSp>
          <p:grpSp>
            <p:nvGrpSpPr>
              <p:cNvPr id="28" name="Group 27"/>
              <p:cNvGrpSpPr/>
              <p:nvPr/>
            </p:nvGrpSpPr>
            <p:grpSpPr>
              <a:xfrm>
                <a:off x="1980424" y="3703977"/>
                <a:ext cx="488058" cy="958591"/>
                <a:chOff x="3682064" y="2728511"/>
                <a:chExt cx="488058" cy="958591"/>
              </a:xfrm>
            </p:grpSpPr>
            <p:sp>
              <p:nvSpPr>
                <p:cNvPr id="29" name="Oval 28"/>
                <p:cNvSpPr/>
                <p:nvPr/>
              </p:nvSpPr>
              <p:spPr>
                <a:xfrm>
                  <a:off x="3775697" y="2728511"/>
                  <a:ext cx="300792" cy="190387"/>
                </a:xfrm>
                <a:prstGeom prst="ellipse">
                  <a:avLst/>
                </a:prstGeom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SG"/>
                </a:p>
              </p:txBody>
            </p:sp>
            <p:sp>
              <p:nvSpPr>
                <p:cNvPr id="30" name="Freeform 29"/>
                <p:cNvSpPr/>
                <p:nvPr/>
              </p:nvSpPr>
              <p:spPr>
                <a:xfrm>
                  <a:off x="3682064" y="2918898"/>
                  <a:ext cx="488058" cy="768204"/>
                </a:xfrm>
                <a:custGeom>
                  <a:avLst/>
                  <a:gdLst>
                    <a:gd name="connsiteX0" fmla="*/ 281161 w 1870175"/>
                    <a:gd name="connsiteY0" fmla="*/ 10184 h 3799857"/>
                    <a:gd name="connsiteX1" fmla="*/ 724073 w 1870175"/>
                    <a:gd name="connsiteY1" fmla="*/ 910297 h 3799857"/>
                    <a:gd name="connsiteX2" fmla="*/ 1138411 w 1870175"/>
                    <a:gd name="connsiteY2" fmla="*/ 953159 h 3799857"/>
                    <a:gd name="connsiteX3" fmla="*/ 1681336 w 1870175"/>
                    <a:gd name="connsiteY3" fmla="*/ 38759 h 3799857"/>
                    <a:gd name="connsiteX4" fmla="*/ 1852786 w 1870175"/>
                    <a:gd name="connsiteY4" fmla="*/ 267359 h 3799857"/>
                    <a:gd name="connsiteX5" fmla="*/ 1309861 w 1870175"/>
                    <a:gd name="connsiteY5" fmla="*/ 1153184 h 3799857"/>
                    <a:gd name="connsiteX6" fmla="*/ 1281286 w 1870175"/>
                    <a:gd name="connsiteY6" fmla="*/ 3482047 h 3799857"/>
                    <a:gd name="connsiteX7" fmla="*/ 938386 w 1870175"/>
                    <a:gd name="connsiteY7" fmla="*/ 3467759 h 3799857"/>
                    <a:gd name="connsiteX8" fmla="*/ 924098 w 1870175"/>
                    <a:gd name="connsiteY8" fmla="*/ 2224747 h 3799857"/>
                    <a:gd name="connsiteX9" fmla="*/ 924098 w 1870175"/>
                    <a:gd name="connsiteY9" fmla="*/ 3539197 h 3799857"/>
                    <a:gd name="connsiteX10" fmla="*/ 595486 w 1870175"/>
                    <a:gd name="connsiteY10" fmla="*/ 3582059 h 3799857"/>
                    <a:gd name="connsiteX11" fmla="*/ 609773 w 1870175"/>
                    <a:gd name="connsiteY11" fmla="*/ 1210334 h 3799857"/>
                    <a:gd name="connsiteX12" fmla="*/ 9698 w 1870175"/>
                    <a:gd name="connsiteY12" fmla="*/ 138772 h 3799857"/>
                    <a:gd name="connsiteX13" fmla="*/ 295448 w 1870175"/>
                    <a:gd name="connsiteY13" fmla="*/ 67334 h 3799857"/>
                    <a:gd name="connsiteX0" fmla="*/ 281161 w 1870175"/>
                    <a:gd name="connsiteY0" fmla="*/ 10184 h 3710679"/>
                    <a:gd name="connsiteX1" fmla="*/ 724073 w 1870175"/>
                    <a:gd name="connsiteY1" fmla="*/ 910297 h 3710679"/>
                    <a:gd name="connsiteX2" fmla="*/ 1138411 w 1870175"/>
                    <a:gd name="connsiteY2" fmla="*/ 953159 h 3710679"/>
                    <a:gd name="connsiteX3" fmla="*/ 1681336 w 1870175"/>
                    <a:gd name="connsiteY3" fmla="*/ 38759 h 3710679"/>
                    <a:gd name="connsiteX4" fmla="*/ 1852786 w 1870175"/>
                    <a:gd name="connsiteY4" fmla="*/ 267359 h 3710679"/>
                    <a:gd name="connsiteX5" fmla="*/ 1309861 w 1870175"/>
                    <a:gd name="connsiteY5" fmla="*/ 1153184 h 3710679"/>
                    <a:gd name="connsiteX6" fmla="*/ 1281286 w 1870175"/>
                    <a:gd name="connsiteY6" fmla="*/ 3482047 h 3710679"/>
                    <a:gd name="connsiteX7" fmla="*/ 938386 w 1870175"/>
                    <a:gd name="connsiteY7" fmla="*/ 3467759 h 3710679"/>
                    <a:gd name="connsiteX8" fmla="*/ 924098 w 1870175"/>
                    <a:gd name="connsiteY8" fmla="*/ 2224747 h 3710679"/>
                    <a:gd name="connsiteX9" fmla="*/ 924098 w 1870175"/>
                    <a:gd name="connsiteY9" fmla="*/ 3539197 h 3710679"/>
                    <a:gd name="connsiteX10" fmla="*/ 595486 w 1870175"/>
                    <a:gd name="connsiteY10" fmla="*/ 3439184 h 3710679"/>
                    <a:gd name="connsiteX11" fmla="*/ 609773 w 1870175"/>
                    <a:gd name="connsiteY11" fmla="*/ 1210334 h 3710679"/>
                    <a:gd name="connsiteX12" fmla="*/ 9698 w 1870175"/>
                    <a:gd name="connsiteY12" fmla="*/ 138772 h 3710679"/>
                    <a:gd name="connsiteX13" fmla="*/ 295448 w 1870175"/>
                    <a:gd name="connsiteY13" fmla="*/ 67334 h 3710679"/>
                    <a:gd name="connsiteX0" fmla="*/ 281161 w 1870175"/>
                    <a:gd name="connsiteY0" fmla="*/ 10184 h 3714089"/>
                    <a:gd name="connsiteX1" fmla="*/ 724073 w 1870175"/>
                    <a:gd name="connsiteY1" fmla="*/ 910297 h 3714089"/>
                    <a:gd name="connsiteX2" fmla="*/ 1138411 w 1870175"/>
                    <a:gd name="connsiteY2" fmla="*/ 953159 h 3714089"/>
                    <a:gd name="connsiteX3" fmla="*/ 1681336 w 1870175"/>
                    <a:gd name="connsiteY3" fmla="*/ 38759 h 3714089"/>
                    <a:gd name="connsiteX4" fmla="*/ 1852786 w 1870175"/>
                    <a:gd name="connsiteY4" fmla="*/ 267359 h 3714089"/>
                    <a:gd name="connsiteX5" fmla="*/ 1309861 w 1870175"/>
                    <a:gd name="connsiteY5" fmla="*/ 1153184 h 3714089"/>
                    <a:gd name="connsiteX6" fmla="*/ 1281286 w 1870175"/>
                    <a:gd name="connsiteY6" fmla="*/ 3496334 h 3714089"/>
                    <a:gd name="connsiteX7" fmla="*/ 938386 w 1870175"/>
                    <a:gd name="connsiteY7" fmla="*/ 3467759 h 3714089"/>
                    <a:gd name="connsiteX8" fmla="*/ 924098 w 1870175"/>
                    <a:gd name="connsiteY8" fmla="*/ 2224747 h 3714089"/>
                    <a:gd name="connsiteX9" fmla="*/ 924098 w 1870175"/>
                    <a:gd name="connsiteY9" fmla="*/ 3539197 h 3714089"/>
                    <a:gd name="connsiteX10" fmla="*/ 595486 w 1870175"/>
                    <a:gd name="connsiteY10" fmla="*/ 3439184 h 3714089"/>
                    <a:gd name="connsiteX11" fmla="*/ 609773 w 1870175"/>
                    <a:gd name="connsiteY11" fmla="*/ 1210334 h 3714089"/>
                    <a:gd name="connsiteX12" fmla="*/ 9698 w 1870175"/>
                    <a:gd name="connsiteY12" fmla="*/ 138772 h 3714089"/>
                    <a:gd name="connsiteX13" fmla="*/ 295448 w 1870175"/>
                    <a:gd name="connsiteY13" fmla="*/ 67334 h 3714089"/>
                    <a:gd name="connsiteX0" fmla="*/ 281161 w 1870175"/>
                    <a:gd name="connsiteY0" fmla="*/ 10184 h 3710679"/>
                    <a:gd name="connsiteX1" fmla="*/ 724073 w 1870175"/>
                    <a:gd name="connsiteY1" fmla="*/ 910297 h 3710679"/>
                    <a:gd name="connsiteX2" fmla="*/ 1138411 w 1870175"/>
                    <a:gd name="connsiteY2" fmla="*/ 953159 h 3710679"/>
                    <a:gd name="connsiteX3" fmla="*/ 1681336 w 1870175"/>
                    <a:gd name="connsiteY3" fmla="*/ 38759 h 3710679"/>
                    <a:gd name="connsiteX4" fmla="*/ 1852786 w 1870175"/>
                    <a:gd name="connsiteY4" fmla="*/ 267359 h 3710679"/>
                    <a:gd name="connsiteX5" fmla="*/ 1309861 w 1870175"/>
                    <a:gd name="connsiteY5" fmla="*/ 1153184 h 3710679"/>
                    <a:gd name="connsiteX6" fmla="*/ 1281286 w 1870175"/>
                    <a:gd name="connsiteY6" fmla="*/ 3496334 h 3710679"/>
                    <a:gd name="connsiteX7" fmla="*/ 938386 w 1870175"/>
                    <a:gd name="connsiteY7" fmla="*/ 3467759 h 3710679"/>
                    <a:gd name="connsiteX8" fmla="*/ 924098 w 1870175"/>
                    <a:gd name="connsiteY8" fmla="*/ 2224747 h 3710679"/>
                    <a:gd name="connsiteX9" fmla="*/ 924098 w 1870175"/>
                    <a:gd name="connsiteY9" fmla="*/ 3539197 h 3710679"/>
                    <a:gd name="connsiteX10" fmla="*/ 595486 w 1870175"/>
                    <a:gd name="connsiteY10" fmla="*/ 3439184 h 3710679"/>
                    <a:gd name="connsiteX11" fmla="*/ 609773 w 1870175"/>
                    <a:gd name="connsiteY11" fmla="*/ 1210334 h 3710679"/>
                    <a:gd name="connsiteX12" fmla="*/ 9698 w 1870175"/>
                    <a:gd name="connsiteY12" fmla="*/ 138772 h 3710679"/>
                    <a:gd name="connsiteX13" fmla="*/ 295448 w 1870175"/>
                    <a:gd name="connsiteY13" fmla="*/ 67334 h 3710679"/>
                    <a:gd name="connsiteX0" fmla="*/ 281161 w 1870175"/>
                    <a:gd name="connsiteY0" fmla="*/ 10184 h 3695136"/>
                    <a:gd name="connsiteX1" fmla="*/ 724073 w 1870175"/>
                    <a:gd name="connsiteY1" fmla="*/ 910297 h 3695136"/>
                    <a:gd name="connsiteX2" fmla="*/ 1138411 w 1870175"/>
                    <a:gd name="connsiteY2" fmla="*/ 953159 h 3695136"/>
                    <a:gd name="connsiteX3" fmla="*/ 1681336 w 1870175"/>
                    <a:gd name="connsiteY3" fmla="*/ 38759 h 3695136"/>
                    <a:gd name="connsiteX4" fmla="*/ 1852786 w 1870175"/>
                    <a:gd name="connsiteY4" fmla="*/ 267359 h 3695136"/>
                    <a:gd name="connsiteX5" fmla="*/ 1309861 w 1870175"/>
                    <a:gd name="connsiteY5" fmla="*/ 1153184 h 3695136"/>
                    <a:gd name="connsiteX6" fmla="*/ 1281286 w 1870175"/>
                    <a:gd name="connsiteY6" fmla="*/ 3496334 h 3695136"/>
                    <a:gd name="connsiteX7" fmla="*/ 938386 w 1870175"/>
                    <a:gd name="connsiteY7" fmla="*/ 3467759 h 3695136"/>
                    <a:gd name="connsiteX8" fmla="*/ 924098 w 1870175"/>
                    <a:gd name="connsiteY8" fmla="*/ 2224747 h 3695136"/>
                    <a:gd name="connsiteX9" fmla="*/ 924098 w 1870175"/>
                    <a:gd name="connsiteY9" fmla="*/ 3539197 h 3695136"/>
                    <a:gd name="connsiteX10" fmla="*/ 595486 w 1870175"/>
                    <a:gd name="connsiteY10" fmla="*/ 3439184 h 3695136"/>
                    <a:gd name="connsiteX11" fmla="*/ 609773 w 1870175"/>
                    <a:gd name="connsiteY11" fmla="*/ 1210334 h 3695136"/>
                    <a:gd name="connsiteX12" fmla="*/ 9698 w 1870175"/>
                    <a:gd name="connsiteY12" fmla="*/ 138772 h 3695136"/>
                    <a:gd name="connsiteX13" fmla="*/ 295448 w 1870175"/>
                    <a:gd name="connsiteY13" fmla="*/ 67334 h 3695136"/>
                    <a:gd name="connsiteX0" fmla="*/ 281161 w 1870175"/>
                    <a:gd name="connsiteY0" fmla="*/ 10184 h 3694199"/>
                    <a:gd name="connsiteX1" fmla="*/ 724073 w 1870175"/>
                    <a:gd name="connsiteY1" fmla="*/ 91029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95536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70175"/>
                    <a:gd name="connsiteY0" fmla="*/ 10184 h 3694199"/>
                    <a:gd name="connsiteX1" fmla="*/ 724073 w 1870175"/>
                    <a:gd name="connsiteY1" fmla="*/ 91029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52674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70175"/>
                    <a:gd name="connsiteY0" fmla="*/ 10184 h 3694199"/>
                    <a:gd name="connsiteX1" fmla="*/ 752648 w 1870175"/>
                    <a:gd name="connsiteY1" fmla="*/ 853147 h 3694199"/>
                    <a:gd name="connsiteX2" fmla="*/ 1138411 w 1870175"/>
                    <a:gd name="connsiteY2" fmla="*/ 953159 h 3694199"/>
                    <a:gd name="connsiteX3" fmla="*/ 1681336 w 1870175"/>
                    <a:gd name="connsiteY3" fmla="*/ 38759 h 3694199"/>
                    <a:gd name="connsiteX4" fmla="*/ 1852786 w 1870175"/>
                    <a:gd name="connsiteY4" fmla="*/ 267359 h 3694199"/>
                    <a:gd name="connsiteX5" fmla="*/ 1309861 w 1870175"/>
                    <a:gd name="connsiteY5" fmla="*/ 1153184 h 3694199"/>
                    <a:gd name="connsiteX6" fmla="*/ 1281286 w 1870175"/>
                    <a:gd name="connsiteY6" fmla="*/ 3496334 h 3694199"/>
                    <a:gd name="connsiteX7" fmla="*/ 938386 w 1870175"/>
                    <a:gd name="connsiteY7" fmla="*/ 3467759 h 3694199"/>
                    <a:gd name="connsiteX8" fmla="*/ 952674 w 1870175"/>
                    <a:gd name="connsiteY8" fmla="*/ 2239034 h 3694199"/>
                    <a:gd name="connsiteX9" fmla="*/ 924098 w 1870175"/>
                    <a:gd name="connsiteY9" fmla="*/ 3539197 h 3694199"/>
                    <a:gd name="connsiteX10" fmla="*/ 595486 w 1870175"/>
                    <a:gd name="connsiteY10" fmla="*/ 3439184 h 3694199"/>
                    <a:gd name="connsiteX11" fmla="*/ 609773 w 1870175"/>
                    <a:gd name="connsiteY11" fmla="*/ 1210334 h 3694199"/>
                    <a:gd name="connsiteX12" fmla="*/ 9698 w 1870175"/>
                    <a:gd name="connsiteY12" fmla="*/ 138772 h 3694199"/>
                    <a:gd name="connsiteX13" fmla="*/ 295448 w 1870175"/>
                    <a:gd name="connsiteY13" fmla="*/ 67334 h 3694199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9343"/>
                    <a:gd name="connsiteY0" fmla="*/ 5297 h 3689312"/>
                    <a:gd name="connsiteX1" fmla="*/ 752648 w 1869343"/>
                    <a:gd name="connsiteY1" fmla="*/ 848260 h 3689312"/>
                    <a:gd name="connsiteX2" fmla="*/ 1195561 w 1869343"/>
                    <a:gd name="connsiteY2" fmla="*/ 876834 h 3689312"/>
                    <a:gd name="connsiteX3" fmla="*/ 1681336 w 1869343"/>
                    <a:gd name="connsiteY3" fmla="*/ 33872 h 3689312"/>
                    <a:gd name="connsiteX4" fmla="*/ 1852786 w 1869343"/>
                    <a:gd name="connsiteY4" fmla="*/ 262472 h 3689312"/>
                    <a:gd name="connsiteX5" fmla="*/ 1309861 w 1869343"/>
                    <a:gd name="connsiteY5" fmla="*/ 1148297 h 3689312"/>
                    <a:gd name="connsiteX6" fmla="*/ 1281286 w 1869343"/>
                    <a:gd name="connsiteY6" fmla="*/ 3491447 h 3689312"/>
                    <a:gd name="connsiteX7" fmla="*/ 938386 w 1869343"/>
                    <a:gd name="connsiteY7" fmla="*/ 3462872 h 3689312"/>
                    <a:gd name="connsiteX8" fmla="*/ 952674 w 1869343"/>
                    <a:gd name="connsiteY8" fmla="*/ 2234147 h 3689312"/>
                    <a:gd name="connsiteX9" fmla="*/ 924098 w 1869343"/>
                    <a:gd name="connsiteY9" fmla="*/ 3534310 h 3689312"/>
                    <a:gd name="connsiteX10" fmla="*/ 595486 w 1869343"/>
                    <a:gd name="connsiteY10" fmla="*/ 3434297 h 3689312"/>
                    <a:gd name="connsiteX11" fmla="*/ 609773 w 1869343"/>
                    <a:gd name="connsiteY11" fmla="*/ 1205447 h 3689312"/>
                    <a:gd name="connsiteX12" fmla="*/ 9698 w 1869343"/>
                    <a:gd name="connsiteY12" fmla="*/ 133885 h 3689312"/>
                    <a:gd name="connsiteX13" fmla="*/ 295448 w 1869343"/>
                    <a:gd name="connsiteY13" fmla="*/ 62447 h 3689312"/>
                    <a:gd name="connsiteX0" fmla="*/ 281161 w 1863912"/>
                    <a:gd name="connsiteY0" fmla="*/ 947 h 3684962"/>
                    <a:gd name="connsiteX1" fmla="*/ 752648 w 1863912"/>
                    <a:gd name="connsiteY1" fmla="*/ 843910 h 3684962"/>
                    <a:gd name="connsiteX2" fmla="*/ 1195561 w 1863912"/>
                    <a:gd name="connsiteY2" fmla="*/ 872484 h 3684962"/>
                    <a:gd name="connsiteX3" fmla="*/ 1638473 w 1863912"/>
                    <a:gd name="connsiteY3" fmla="*/ 129535 h 3684962"/>
                    <a:gd name="connsiteX4" fmla="*/ 1852786 w 1863912"/>
                    <a:gd name="connsiteY4" fmla="*/ 258122 h 3684962"/>
                    <a:gd name="connsiteX5" fmla="*/ 1309861 w 1863912"/>
                    <a:gd name="connsiteY5" fmla="*/ 1143947 h 3684962"/>
                    <a:gd name="connsiteX6" fmla="*/ 1281286 w 1863912"/>
                    <a:gd name="connsiteY6" fmla="*/ 3487097 h 3684962"/>
                    <a:gd name="connsiteX7" fmla="*/ 938386 w 1863912"/>
                    <a:gd name="connsiteY7" fmla="*/ 3458522 h 3684962"/>
                    <a:gd name="connsiteX8" fmla="*/ 952674 w 1863912"/>
                    <a:gd name="connsiteY8" fmla="*/ 2229797 h 3684962"/>
                    <a:gd name="connsiteX9" fmla="*/ 924098 w 1863912"/>
                    <a:gd name="connsiteY9" fmla="*/ 3529960 h 3684962"/>
                    <a:gd name="connsiteX10" fmla="*/ 595486 w 1863912"/>
                    <a:gd name="connsiteY10" fmla="*/ 3429947 h 3684962"/>
                    <a:gd name="connsiteX11" fmla="*/ 609773 w 1863912"/>
                    <a:gd name="connsiteY11" fmla="*/ 1201097 h 3684962"/>
                    <a:gd name="connsiteX12" fmla="*/ 9698 w 1863912"/>
                    <a:gd name="connsiteY12" fmla="*/ 129535 h 3684962"/>
                    <a:gd name="connsiteX13" fmla="*/ 295448 w 1863912"/>
                    <a:gd name="connsiteY13" fmla="*/ 58097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242888 w 1863912"/>
                    <a:gd name="connsiteY13" fmla="*/ 28466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42950 w 1863912"/>
                    <a:gd name="connsiteY13" fmla="*/ 871429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42950 w 1863912"/>
                    <a:gd name="connsiteY13" fmla="*/ 871429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71525 w 1863912"/>
                    <a:gd name="connsiteY13" fmla="*/ 842854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857250 w 1863912"/>
                    <a:gd name="connsiteY13" fmla="*/ 742842 h 3684962"/>
                    <a:gd name="connsiteX0" fmla="*/ 752648 w 1863912"/>
                    <a:gd name="connsiteY0" fmla="*/ 843910 h 3684962"/>
                    <a:gd name="connsiteX1" fmla="*/ 1195561 w 1863912"/>
                    <a:gd name="connsiteY1" fmla="*/ 872484 h 3684962"/>
                    <a:gd name="connsiteX2" fmla="*/ 1638473 w 1863912"/>
                    <a:gd name="connsiteY2" fmla="*/ 129535 h 3684962"/>
                    <a:gd name="connsiteX3" fmla="*/ 1852786 w 1863912"/>
                    <a:gd name="connsiteY3" fmla="*/ 258122 h 3684962"/>
                    <a:gd name="connsiteX4" fmla="*/ 1309861 w 1863912"/>
                    <a:gd name="connsiteY4" fmla="*/ 1143947 h 3684962"/>
                    <a:gd name="connsiteX5" fmla="*/ 1281286 w 1863912"/>
                    <a:gd name="connsiteY5" fmla="*/ 3487097 h 3684962"/>
                    <a:gd name="connsiteX6" fmla="*/ 938386 w 1863912"/>
                    <a:gd name="connsiteY6" fmla="*/ 3458522 h 3684962"/>
                    <a:gd name="connsiteX7" fmla="*/ 952674 w 1863912"/>
                    <a:gd name="connsiteY7" fmla="*/ 2229797 h 3684962"/>
                    <a:gd name="connsiteX8" fmla="*/ 924098 w 1863912"/>
                    <a:gd name="connsiteY8" fmla="*/ 3529960 h 3684962"/>
                    <a:gd name="connsiteX9" fmla="*/ 595486 w 1863912"/>
                    <a:gd name="connsiteY9" fmla="*/ 3429947 h 3684962"/>
                    <a:gd name="connsiteX10" fmla="*/ 609773 w 1863912"/>
                    <a:gd name="connsiteY10" fmla="*/ 1201097 h 3684962"/>
                    <a:gd name="connsiteX11" fmla="*/ 9698 w 1863912"/>
                    <a:gd name="connsiteY11" fmla="*/ 129535 h 3684962"/>
                    <a:gd name="connsiteX12" fmla="*/ 295448 w 1863912"/>
                    <a:gd name="connsiteY12" fmla="*/ 58097 h 3684962"/>
                    <a:gd name="connsiteX13" fmla="*/ 757237 w 1863912"/>
                    <a:gd name="connsiteY13" fmla="*/ 857142 h 3684962"/>
                    <a:gd name="connsiteX0" fmla="*/ 752083 w 1863347"/>
                    <a:gd name="connsiteY0" fmla="*/ 872680 h 3713732"/>
                    <a:gd name="connsiteX1" fmla="*/ 1194996 w 1863347"/>
                    <a:gd name="connsiteY1" fmla="*/ 901254 h 3713732"/>
                    <a:gd name="connsiteX2" fmla="*/ 1637908 w 1863347"/>
                    <a:gd name="connsiteY2" fmla="*/ 158305 h 3713732"/>
                    <a:gd name="connsiteX3" fmla="*/ 1852221 w 1863347"/>
                    <a:gd name="connsiteY3" fmla="*/ 286892 h 3713732"/>
                    <a:gd name="connsiteX4" fmla="*/ 1309296 w 1863347"/>
                    <a:gd name="connsiteY4" fmla="*/ 1172717 h 3713732"/>
                    <a:gd name="connsiteX5" fmla="*/ 1280721 w 1863347"/>
                    <a:gd name="connsiteY5" fmla="*/ 3515867 h 3713732"/>
                    <a:gd name="connsiteX6" fmla="*/ 937821 w 1863347"/>
                    <a:gd name="connsiteY6" fmla="*/ 3487292 h 3713732"/>
                    <a:gd name="connsiteX7" fmla="*/ 952109 w 1863347"/>
                    <a:gd name="connsiteY7" fmla="*/ 2258567 h 3713732"/>
                    <a:gd name="connsiteX8" fmla="*/ 923533 w 1863347"/>
                    <a:gd name="connsiteY8" fmla="*/ 3558730 h 3713732"/>
                    <a:gd name="connsiteX9" fmla="*/ 594921 w 1863347"/>
                    <a:gd name="connsiteY9" fmla="*/ 3458717 h 3713732"/>
                    <a:gd name="connsiteX10" fmla="*/ 609208 w 1863347"/>
                    <a:gd name="connsiteY10" fmla="*/ 1229867 h 3713732"/>
                    <a:gd name="connsiteX11" fmla="*/ 9133 w 1863347"/>
                    <a:gd name="connsiteY11" fmla="*/ 158305 h 3713732"/>
                    <a:gd name="connsiteX12" fmla="*/ 294883 w 1863347"/>
                    <a:gd name="connsiteY12" fmla="*/ 86867 h 3713732"/>
                    <a:gd name="connsiteX13" fmla="*/ 756672 w 1863347"/>
                    <a:gd name="connsiteY13" fmla="*/ 885912 h 3713732"/>
                    <a:gd name="connsiteX0" fmla="*/ 752083 w 1639561"/>
                    <a:gd name="connsiteY0" fmla="*/ 872680 h 3713732"/>
                    <a:gd name="connsiteX1" fmla="*/ 1194996 w 1639561"/>
                    <a:gd name="connsiteY1" fmla="*/ 901254 h 3713732"/>
                    <a:gd name="connsiteX2" fmla="*/ 1637908 w 1639561"/>
                    <a:gd name="connsiteY2" fmla="*/ 158305 h 3713732"/>
                    <a:gd name="connsiteX3" fmla="*/ 1344329 w 1639561"/>
                    <a:gd name="connsiteY3" fmla="*/ 2847304 h 3713732"/>
                    <a:gd name="connsiteX4" fmla="*/ 1309296 w 1639561"/>
                    <a:gd name="connsiteY4" fmla="*/ 1172717 h 3713732"/>
                    <a:gd name="connsiteX5" fmla="*/ 1280721 w 1639561"/>
                    <a:gd name="connsiteY5" fmla="*/ 3515867 h 3713732"/>
                    <a:gd name="connsiteX6" fmla="*/ 937821 w 1639561"/>
                    <a:gd name="connsiteY6" fmla="*/ 3487292 h 3713732"/>
                    <a:gd name="connsiteX7" fmla="*/ 952109 w 1639561"/>
                    <a:gd name="connsiteY7" fmla="*/ 2258567 h 3713732"/>
                    <a:gd name="connsiteX8" fmla="*/ 923533 w 1639561"/>
                    <a:gd name="connsiteY8" fmla="*/ 3558730 h 3713732"/>
                    <a:gd name="connsiteX9" fmla="*/ 594921 w 1639561"/>
                    <a:gd name="connsiteY9" fmla="*/ 3458717 h 3713732"/>
                    <a:gd name="connsiteX10" fmla="*/ 609208 w 1639561"/>
                    <a:gd name="connsiteY10" fmla="*/ 1229867 h 3713732"/>
                    <a:gd name="connsiteX11" fmla="*/ 9133 w 1639561"/>
                    <a:gd name="connsiteY11" fmla="*/ 158305 h 3713732"/>
                    <a:gd name="connsiteX12" fmla="*/ 294883 w 1639561"/>
                    <a:gd name="connsiteY12" fmla="*/ 86867 h 3713732"/>
                    <a:gd name="connsiteX13" fmla="*/ 756672 w 1639561"/>
                    <a:gd name="connsiteY13" fmla="*/ 885912 h 3713732"/>
                    <a:gd name="connsiteX0" fmla="*/ 752083 w 1580163"/>
                    <a:gd name="connsiteY0" fmla="*/ 872680 h 3713732"/>
                    <a:gd name="connsiteX1" fmla="*/ 1194996 w 1580163"/>
                    <a:gd name="connsiteY1" fmla="*/ 901254 h 3713732"/>
                    <a:gd name="connsiteX2" fmla="*/ 1578155 w 1580163"/>
                    <a:gd name="connsiteY2" fmla="*/ 1468283 h 3713732"/>
                    <a:gd name="connsiteX3" fmla="*/ 1344329 w 1580163"/>
                    <a:gd name="connsiteY3" fmla="*/ 2847304 h 3713732"/>
                    <a:gd name="connsiteX4" fmla="*/ 1309296 w 1580163"/>
                    <a:gd name="connsiteY4" fmla="*/ 1172717 h 3713732"/>
                    <a:gd name="connsiteX5" fmla="*/ 1280721 w 1580163"/>
                    <a:gd name="connsiteY5" fmla="*/ 3515867 h 3713732"/>
                    <a:gd name="connsiteX6" fmla="*/ 937821 w 1580163"/>
                    <a:gd name="connsiteY6" fmla="*/ 3487292 h 3713732"/>
                    <a:gd name="connsiteX7" fmla="*/ 952109 w 1580163"/>
                    <a:gd name="connsiteY7" fmla="*/ 2258567 h 3713732"/>
                    <a:gd name="connsiteX8" fmla="*/ 923533 w 1580163"/>
                    <a:gd name="connsiteY8" fmla="*/ 3558730 h 3713732"/>
                    <a:gd name="connsiteX9" fmla="*/ 594921 w 1580163"/>
                    <a:gd name="connsiteY9" fmla="*/ 3458717 h 3713732"/>
                    <a:gd name="connsiteX10" fmla="*/ 609208 w 1580163"/>
                    <a:gd name="connsiteY10" fmla="*/ 1229867 h 3713732"/>
                    <a:gd name="connsiteX11" fmla="*/ 9133 w 1580163"/>
                    <a:gd name="connsiteY11" fmla="*/ 158305 h 3713732"/>
                    <a:gd name="connsiteX12" fmla="*/ 294883 w 1580163"/>
                    <a:gd name="connsiteY12" fmla="*/ 86867 h 3713732"/>
                    <a:gd name="connsiteX13" fmla="*/ 756672 w 1580163"/>
                    <a:gd name="connsiteY13" fmla="*/ 885912 h 3713732"/>
                    <a:gd name="connsiteX0" fmla="*/ 752083 w 2094644"/>
                    <a:gd name="connsiteY0" fmla="*/ 872680 h 3713732"/>
                    <a:gd name="connsiteX1" fmla="*/ 1194996 w 2094644"/>
                    <a:gd name="connsiteY1" fmla="*/ 901254 h 3713732"/>
                    <a:gd name="connsiteX2" fmla="*/ 1578155 w 2094644"/>
                    <a:gd name="connsiteY2" fmla="*/ 1468283 h 3713732"/>
                    <a:gd name="connsiteX3" fmla="*/ 2091231 w 2094644"/>
                    <a:gd name="connsiteY3" fmla="*/ 2787762 h 3713732"/>
                    <a:gd name="connsiteX4" fmla="*/ 1309296 w 2094644"/>
                    <a:gd name="connsiteY4" fmla="*/ 1172717 h 3713732"/>
                    <a:gd name="connsiteX5" fmla="*/ 1280721 w 2094644"/>
                    <a:gd name="connsiteY5" fmla="*/ 3515867 h 3713732"/>
                    <a:gd name="connsiteX6" fmla="*/ 937821 w 2094644"/>
                    <a:gd name="connsiteY6" fmla="*/ 3487292 h 3713732"/>
                    <a:gd name="connsiteX7" fmla="*/ 952109 w 2094644"/>
                    <a:gd name="connsiteY7" fmla="*/ 2258567 h 3713732"/>
                    <a:gd name="connsiteX8" fmla="*/ 923533 w 2094644"/>
                    <a:gd name="connsiteY8" fmla="*/ 3558730 h 3713732"/>
                    <a:gd name="connsiteX9" fmla="*/ 594921 w 2094644"/>
                    <a:gd name="connsiteY9" fmla="*/ 3458717 h 3713732"/>
                    <a:gd name="connsiteX10" fmla="*/ 609208 w 2094644"/>
                    <a:gd name="connsiteY10" fmla="*/ 1229867 h 3713732"/>
                    <a:gd name="connsiteX11" fmla="*/ 9133 w 2094644"/>
                    <a:gd name="connsiteY11" fmla="*/ 158305 h 3713732"/>
                    <a:gd name="connsiteX12" fmla="*/ 294883 w 2094644"/>
                    <a:gd name="connsiteY12" fmla="*/ 86867 h 3713732"/>
                    <a:gd name="connsiteX13" fmla="*/ 756672 w 2094644"/>
                    <a:gd name="connsiteY13" fmla="*/ 885912 h 3713732"/>
                    <a:gd name="connsiteX0" fmla="*/ 752083 w 1771469"/>
                    <a:gd name="connsiteY0" fmla="*/ 872680 h 3713732"/>
                    <a:gd name="connsiteX1" fmla="*/ 1194996 w 1771469"/>
                    <a:gd name="connsiteY1" fmla="*/ 901254 h 3713732"/>
                    <a:gd name="connsiteX2" fmla="*/ 1578155 w 1771469"/>
                    <a:gd name="connsiteY2" fmla="*/ 1468283 h 3713732"/>
                    <a:gd name="connsiteX3" fmla="*/ 1762593 w 1771469"/>
                    <a:gd name="connsiteY3" fmla="*/ 3323662 h 3713732"/>
                    <a:gd name="connsiteX4" fmla="*/ 1309296 w 1771469"/>
                    <a:gd name="connsiteY4" fmla="*/ 1172717 h 3713732"/>
                    <a:gd name="connsiteX5" fmla="*/ 1280721 w 1771469"/>
                    <a:gd name="connsiteY5" fmla="*/ 3515867 h 3713732"/>
                    <a:gd name="connsiteX6" fmla="*/ 937821 w 1771469"/>
                    <a:gd name="connsiteY6" fmla="*/ 3487292 h 3713732"/>
                    <a:gd name="connsiteX7" fmla="*/ 952109 w 1771469"/>
                    <a:gd name="connsiteY7" fmla="*/ 2258567 h 3713732"/>
                    <a:gd name="connsiteX8" fmla="*/ 923533 w 1771469"/>
                    <a:gd name="connsiteY8" fmla="*/ 3558730 h 3713732"/>
                    <a:gd name="connsiteX9" fmla="*/ 594921 w 1771469"/>
                    <a:gd name="connsiteY9" fmla="*/ 3458717 h 3713732"/>
                    <a:gd name="connsiteX10" fmla="*/ 609208 w 1771469"/>
                    <a:gd name="connsiteY10" fmla="*/ 1229867 h 3713732"/>
                    <a:gd name="connsiteX11" fmla="*/ 9133 w 1771469"/>
                    <a:gd name="connsiteY11" fmla="*/ 158305 h 3713732"/>
                    <a:gd name="connsiteX12" fmla="*/ 294883 w 1771469"/>
                    <a:gd name="connsiteY12" fmla="*/ 86867 h 3713732"/>
                    <a:gd name="connsiteX13" fmla="*/ 756672 w 1771469"/>
                    <a:gd name="connsiteY13" fmla="*/ 885912 h 3713732"/>
                    <a:gd name="connsiteX0" fmla="*/ 752083 w 1762925"/>
                    <a:gd name="connsiteY0" fmla="*/ 872680 h 3713732"/>
                    <a:gd name="connsiteX1" fmla="*/ 1194996 w 1762925"/>
                    <a:gd name="connsiteY1" fmla="*/ 901254 h 3713732"/>
                    <a:gd name="connsiteX2" fmla="*/ 1578155 w 1762925"/>
                    <a:gd name="connsiteY2" fmla="*/ 1468283 h 3713732"/>
                    <a:gd name="connsiteX3" fmla="*/ 1762593 w 1762925"/>
                    <a:gd name="connsiteY3" fmla="*/ 3323662 h 3713732"/>
                    <a:gd name="connsiteX4" fmla="*/ 1537787 w 1762925"/>
                    <a:gd name="connsiteY4" fmla="*/ 2110476 h 3713732"/>
                    <a:gd name="connsiteX5" fmla="*/ 1309296 w 1762925"/>
                    <a:gd name="connsiteY5" fmla="*/ 1172717 h 3713732"/>
                    <a:gd name="connsiteX6" fmla="*/ 1280721 w 1762925"/>
                    <a:gd name="connsiteY6" fmla="*/ 3515867 h 3713732"/>
                    <a:gd name="connsiteX7" fmla="*/ 937821 w 1762925"/>
                    <a:gd name="connsiteY7" fmla="*/ 3487292 h 3713732"/>
                    <a:gd name="connsiteX8" fmla="*/ 952109 w 1762925"/>
                    <a:gd name="connsiteY8" fmla="*/ 2258567 h 3713732"/>
                    <a:gd name="connsiteX9" fmla="*/ 923533 w 1762925"/>
                    <a:gd name="connsiteY9" fmla="*/ 3558730 h 3713732"/>
                    <a:gd name="connsiteX10" fmla="*/ 594921 w 1762925"/>
                    <a:gd name="connsiteY10" fmla="*/ 3458717 h 3713732"/>
                    <a:gd name="connsiteX11" fmla="*/ 609208 w 1762925"/>
                    <a:gd name="connsiteY11" fmla="*/ 1229867 h 3713732"/>
                    <a:gd name="connsiteX12" fmla="*/ 9133 w 1762925"/>
                    <a:gd name="connsiteY12" fmla="*/ 158305 h 3713732"/>
                    <a:gd name="connsiteX13" fmla="*/ 294883 w 1762925"/>
                    <a:gd name="connsiteY13" fmla="*/ 86867 h 3713732"/>
                    <a:gd name="connsiteX14" fmla="*/ 756672 w 1762925"/>
                    <a:gd name="connsiteY14" fmla="*/ 885912 h 3713732"/>
                    <a:gd name="connsiteX0" fmla="*/ 752083 w 1765323"/>
                    <a:gd name="connsiteY0" fmla="*/ 872680 h 3713732"/>
                    <a:gd name="connsiteX1" fmla="*/ 1194996 w 1765323"/>
                    <a:gd name="connsiteY1" fmla="*/ 901254 h 3713732"/>
                    <a:gd name="connsiteX2" fmla="*/ 1578155 w 1765323"/>
                    <a:gd name="connsiteY2" fmla="*/ 1468283 h 3713732"/>
                    <a:gd name="connsiteX3" fmla="*/ 1762593 w 1765323"/>
                    <a:gd name="connsiteY3" fmla="*/ 3323662 h 3713732"/>
                    <a:gd name="connsiteX4" fmla="*/ 1448158 w 1765323"/>
                    <a:gd name="connsiteY4" fmla="*/ 2170023 h 3713732"/>
                    <a:gd name="connsiteX5" fmla="*/ 1309296 w 1765323"/>
                    <a:gd name="connsiteY5" fmla="*/ 1172717 h 3713732"/>
                    <a:gd name="connsiteX6" fmla="*/ 1280721 w 1765323"/>
                    <a:gd name="connsiteY6" fmla="*/ 3515867 h 3713732"/>
                    <a:gd name="connsiteX7" fmla="*/ 937821 w 1765323"/>
                    <a:gd name="connsiteY7" fmla="*/ 3487292 h 3713732"/>
                    <a:gd name="connsiteX8" fmla="*/ 952109 w 1765323"/>
                    <a:gd name="connsiteY8" fmla="*/ 2258567 h 3713732"/>
                    <a:gd name="connsiteX9" fmla="*/ 923533 w 1765323"/>
                    <a:gd name="connsiteY9" fmla="*/ 3558730 h 3713732"/>
                    <a:gd name="connsiteX10" fmla="*/ 594921 w 1765323"/>
                    <a:gd name="connsiteY10" fmla="*/ 3458717 h 3713732"/>
                    <a:gd name="connsiteX11" fmla="*/ 609208 w 1765323"/>
                    <a:gd name="connsiteY11" fmla="*/ 1229867 h 3713732"/>
                    <a:gd name="connsiteX12" fmla="*/ 9133 w 1765323"/>
                    <a:gd name="connsiteY12" fmla="*/ 158305 h 3713732"/>
                    <a:gd name="connsiteX13" fmla="*/ 294883 w 1765323"/>
                    <a:gd name="connsiteY13" fmla="*/ 86867 h 3713732"/>
                    <a:gd name="connsiteX14" fmla="*/ 756672 w 1765323"/>
                    <a:gd name="connsiteY14" fmla="*/ 885912 h 3713732"/>
                    <a:gd name="connsiteX0" fmla="*/ 752083 w 1582466"/>
                    <a:gd name="connsiteY0" fmla="*/ 872680 h 3713732"/>
                    <a:gd name="connsiteX1" fmla="*/ 1194996 w 1582466"/>
                    <a:gd name="connsiteY1" fmla="*/ 901254 h 3713732"/>
                    <a:gd name="connsiteX2" fmla="*/ 1578155 w 1582466"/>
                    <a:gd name="connsiteY2" fmla="*/ 1468283 h 3713732"/>
                    <a:gd name="connsiteX3" fmla="*/ 1404079 w 1582466"/>
                    <a:gd name="connsiteY3" fmla="*/ 2847304 h 3713732"/>
                    <a:gd name="connsiteX4" fmla="*/ 1448158 w 1582466"/>
                    <a:gd name="connsiteY4" fmla="*/ 2170023 h 3713732"/>
                    <a:gd name="connsiteX5" fmla="*/ 1309296 w 1582466"/>
                    <a:gd name="connsiteY5" fmla="*/ 1172717 h 3713732"/>
                    <a:gd name="connsiteX6" fmla="*/ 1280721 w 1582466"/>
                    <a:gd name="connsiteY6" fmla="*/ 3515867 h 3713732"/>
                    <a:gd name="connsiteX7" fmla="*/ 937821 w 1582466"/>
                    <a:gd name="connsiteY7" fmla="*/ 3487292 h 3713732"/>
                    <a:gd name="connsiteX8" fmla="*/ 952109 w 1582466"/>
                    <a:gd name="connsiteY8" fmla="*/ 2258567 h 3713732"/>
                    <a:gd name="connsiteX9" fmla="*/ 923533 w 1582466"/>
                    <a:gd name="connsiteY9" fmla="*/ 3558730 h 3713732"/>
                    <a:gd name="connsiteX10" fmla="*/ 594921 w 1582466"/>
                    <a:gd name="connsiteY10" fmla="*/ 3458717 h 3713732"/>
                    <a:gd name="connsiteX11" fmla="*/ 609208 w 1582466"/>
                    <a:gd name="connsiteY11" fmla="*/ 1229867 h 3713732"/>
                    <a:gd name="connsiteX12" fmla="*/ 9133 w 1582466"/>
                    <a:gd name="connsiteY12" fmla="*/ 158305 h 3713732"/>
                    <a:gd name="connsiteX13" fmla="*/ 294883 w 1582466"/>
                    <a:gd name="connsiteY13" fmla="*/ 86867 h 3713732"/>
                    <a:gd name="connsiteX14" fmla="*/ 756672 w 1582466"/>
                    <a:gd name="connsiteY14" fmla="*/ 885912 h 3713732"/>
                    <a:gd name="connsiteX0" fmla="*/ 752083 w 1582779"/>
                    <a:gd name="connsiteY0" fmla="*/ 872680 h 3713732"/>
                    <a:gd name="connsiteX1" fmla="*/ 1194996 w 1582779"/>
                    <a:gd name="connsiteY1" fmla="*/ 901254 h 3713732"/>
                    <a:gd name="connsiteX2" fmla="*/ 1578155 w 1582779"/>
                    <a:gd name="connsiteY2" fmla="*/ 1468283 h 3713732"/>
                    <a:gd name="connsiteX3" fmla="*/ 1404079 w 1582779"/>
                    <a:gd name="connsiteY3" fmla="*/ 2847304 h 3713732"/>
                    <a:gd name="connsiteX4" fmla="*/ 1358529 w 1582779"/>
                    <a:gd name="connsiteY4" fmla="*/ 1872299 h 3713732"/>
                    <a:gd name="connsiteX5" fmla="*/ 1309296 w 1582779"/>
                    <a:gd name="connsiteY5" fmla="*/ 1172717 h 3713732"/>
                    <a:gd name="connsiteX6" fmla="*/ 1280721 w 1582779"/>
                    <a:gd name="connsiteY6" fmla="*/ 3515867 h 3713732"/>
                    <a:gd name="connsiteX7" fmla="*/ 937821 w 1582779"/>
                    <a:gd name="connsiteY7" fmla="*/ 3487292 h 3713732"/>
                    <a:gd name="connsiteX8" fmla="*/ 952109 w 1582779"/>
                    <a:gd name="connsiteY8" fmla="*/ 2258567 h 3713732"/>
                    <a:gd name="connsiteX9" fmla="*/ 923533 w 1582779"/>
                    <a:gd name="connsiteY9" fmla="*/ 3558730 h 3713732"/>
                    <a:gd name="connsiteX10" fmla="*/ 594921 w 1582779"/>
                    <a:gd name="connsiteY10" fmla="*/ 3458717 h 3713732"/>
                    <a:gd name="connsiteX11" fmla="*/ 609208 w 1582779"/>
                    <a:gd name="connsiteY11" fmla="*/ 1229867 h 3713732"/>
                    <a:gd name="connsiteX12" fmla="*/ 9133 w 1582779"/>
                    <a:gd name="connsiteY12" fmla="*/ 158305 h 3713732"/>
                    <a:gd name="connsiteX13" fmla="*/ 294883 w 1582779"/>
                    <a:gd name="connsiteY13" fmla="*/ 86867 h 3713732"/>
                    <a:gd name="connsiteX14" fmla="*/ 756672 w 1582779"/>
                    <a:gd name="connsiteY14" fmla="*/ 885912 h 3713732"/>
                    <a:gd name="connsiteX0" fmla="*/ 752083 w 1612136"/>
                    <a:gd name="connsiteY0" fmla="*/ 872680 h 3713732"/>
                    <a:gd name="connsiteX1" fmla="*/ 1194996 w 1612136"/>
                    <a:gd name="connsiteY1" fmla="*/ 901254 h 3713732"/>
                    <a:gd name="connsiteX2" fmla="*/ 1608031 w 1612136"/>
                    <a:gd name="connsiteY2" fmla="*/ 1825548 h 3713732"/>
                    <a:gd name="connsiteX3" fmla="*/ 1404079 w 1612136"/>
                    <a:gd name="connsiteY3" fmla="*/ 2847304 h 3713732"/>
                    <a:gd name="connsiteX4" fmla="*/ 1358529 w 1612136"/>
                    <a:gd name="connsiteY4" fmla="*/ 1872299 h 3713732"/>
                    <a:gd name="connsiteX5" fmla="*/ 1309296 w 1612136"/>
                    <a:gd name="connsiteY5" fmla="*/ 1172717 h 3713732"/>
                    <a:gd name="connsiteX6" fmla="*/ 1280721 w 1612136"/>
                    <a:gd name="connsiteY6" fmla="*/ 3515867 h 3713732"/>
                    <a:gd name="connsiteX7" fmla="*/ 937821 w 1612136"/>
                    <a:gd name="connsiteY7" fmla="*/ 3487292 h 3713732"/>
                    <a:gd name="connsiteX8" fmla="*/ 952109 w 1612136"/>
                    <a:gd name="connsiteY8" fmla="*/ 2258567 h 3713732"/>
                    <a:gd name="connsiteX9" fmla="*/ 923533 w 1612136"/>
                    <a:gd name="connsiteY9" fmla="*/ 3558730 h 3713732"/>
                    <a:gd name="connsiteX10" fmla="*/ 594921 w 1612136"/>
                    <a:gd name="connsiteY10" fmla="*/ 3458717 h 3713732"/>
                    <a:gd name="connsiteX11" fmla="*/ 609208 w 1612136"/>
                    <a:gd name="connsiteY11" fmla="*/ 1229867 h 3713732"/>
                    <a:gd name="connsiteX12" fmla="*/ 9133 w 1612136"/>
                    <a:gd name="connsiteY12" fmla="*/ 158305 h 3713732"/>
                    <a:gd name="connsiteX13" fmla="*/ 294883 w 1612136"/>
                    <a:gd name="connsiteY13" fmla="*/ 86867 h 3713732"/>
                    <a:gd name="connsiteX14" fmla="*/ 756672 w 1612136"/>
                    <a:gd name="connsiteY14" fmla="*/ 885912 h 3713732"/>
                    <a:gd name="connsiteX0" fmla="*/ 752083 w 1618536"/>
                    <a:gd name="connsiteY0" fmla="*/ 872680 h 3713732"/>
                    <a:gd name="connsiteX1" fmla="*/ 1194996 w 1618536"/>
                    <a:gd name="connsiteY1" fmla="*/ 901254 h 3713732"/>
                    <a:gd name="connsiteX2" fmla="*/ 1608031 w 1618536"/>
                    <a:gd name="connsiteY2" fmla="*/ 1825548 h 3713732"/>
                    <a:gd name="connsiteX3" fmla="*/ 1404079 w 1618536"/>
                    <a:gd name="connsiteY3" fmla="*/ 2847304 h 3713732"/>
                    <a:gd name="connsiteX4" fmla="*/ 1358529 w 1618536"/>
                    <a:gd name="connsiteY4" fmla="*/ 1872299 h 3713732"/>
                    <a:gd name="connsiteX5" fmla="*/ 1309296 w 1618536"/>
                    <a:gd name="connsiteY5" fmla="*/ 1172717 h 3713732"/>
                    <a:gd name="connsiteX6" fmla="*/ 1280721 w 1618536"/>
                    <a:gd name="connsiteY6" fmla="*/ 3515867 h 3713732"/>
                    <a:gd name="connsiteX7" fmla="*/ 937821 w 1618536"/>
                    <a:gd name="connsiteY7" fmla="*/ 3487292 h 3713732"/>
                    <a:gd name="connsiteX8" fmla="*/ 952109 w 1618536"/>
                    <a:gd name="connsiteY8" fmla="*/ 2258567 h 3713732"/>
                    <a:gd name="connsiteX9" fmla="*/ 923533 w 1618536"/>
                    <a:gd name="connsiteY9" fmla="*/ 3558730 h 3713732"/>
                    <a:gd name="connsiteX10" fmla="*/ 594921 w 1618536"/>
                    <a:gd name="connsiteY10" fmla="*/ 3458717 h 3713732"/>
                    <a:gd name="connsiteX11" fmla="*/ 609208 w 1618536"/>
                    <a:gd name="connsiteY11" fmla="*/ 1229867 h 3713732"/>
                    <a:gd name="connsiteX12" fmla="*/ 9133 w 1618536"/>
                    <a:gd name="connsiteY12" fmla="*/ 158305 h 3713732"/>
                    <a:gd name="connsiteX13" fmla="*/ 294883 w 1618536"/>
                    <a:gd name="connsiteY13" fmla="*/ 86867 h 3713732"/>
                    <a:gd name="connsiteX14" fmla="*/ 756672 w 1618536"/>
                    <a:gd name="connsiteY14" fmla="*/ 885912 h 3713732"/>
                    <a:gd name="connsiteX0" fmla="*/ 752083 w 1618537"/>
                    <a:gd name="connsiteY0" fmla="*/ 872680 h 3713732"/>
                    <a:gd name="connsiteX1" fmla="*/ 1194996 w 1618537"/>
                    <a:gd name="connsiteY1" fmla="*/ 901254 h 3713732"/>
                    <a:gd name="connsiteX2" fmla="*/ 1608031 w 1618537"/>
                    <a:gd name="connsiteY2" fmla="*/ 1825548 h 3713732"/>
                    <a:gd name="connsiteX3" fmla="*/ 1404079 w 1618537"/>
                    <a:gd name="connsiteY3" fmla="*/ 2847304 h 3713732"/>
                    <a:gd name="connsiteX4" fmla="*/ 1358529 w 1618537"/>
                    <a:gd name="connsiteY4" fmla="*/ 1872299 h 3713732"/>
                    <a:gd name="connsiteX5" fmla="*/ 1295141 w 1618537"/>
                    <a:gd name="connsiteY5" fmla="*/ 1501130 h 3713732"/>
                    <a:gd name="connsiteX6" fmla="*/ 1280721 w 1618537"/>
                    <a:gd name="connsiteY6" fmla="*/ 3515867 h 3713732"/>
                    <a:gd name="connsiteX7" fmla="*/ 937821 w 1618537"/>
                    <a:gd name="connsiteY7" fmla="*/ 3487292 h 3713732"/>
                    <a:gd name="connsiteX8" fmla="*/ 952109 w 1618537"/>
                    <a:gd name="connsiteY8" fmla="*/ 2258567 h 3713732"/>
                    <a:gd name="connsiteX9" fmla="*/ 923533 w 1618537"/>
                    <a:gd name="connsiteY9" fmla="*/ 3558730 h 3713732"/>
                    <a:gd name="connsiteX10" fmla="*/ 594921 w 1618537"/>
                    <a:gd name="connsiteY10" fmla="*/ 3458717 h 3713732"/>
                    <a:gd name="connsiteX11" fmla="*/ 609208 w 1618537"/>
                    <a:gd name="connsiteY11" fmla="*/ 1229867 h 3713732"/>
                    <a:gd name="connsiteX12" fmla="*/ 9133 w 1618537"/>
                    <a:gd name="connsiteY12" fmla="*/ 158305 h 3713732"/>
                    <a:gd name="connsiteX13" fmla="*/ 294883 w 1618537"/>
                    <a:gd name="connsiteY13" fmla="*/ 86867 h 3713732"/>
                    <a:gd name="connsiteX14" fmla="*/ 756672 w 1618537"/>
                    <a:gd name="connsiteY14" fmla="*/ 885912 h 3713732"/>
                    <a:gd name="connsiteX0" fmla="*/ 752083 w 1611791"/>
                    <a:gd name="connsiteY0" fmla="*/ 872680 h 3713732"/>
                    <a:gd name="connsiteX1" fmla="*/ 1308237 w 1611791"/>
                    <a:gd name="connsiteY1" fmla="*/ 997846 h 3713732"/>
                    <a:gd name="connsiteX2" fmla="*/ 1608031 w 1611791"/>
                    <a:gd name="connsiteY2" fmla="*/ 1825548 h 3713732"/>
                    <a:gd name="connsiteX3" fmla="*/ 1404079 w 1611791"/>
                    <a:gd name="connsiteY3" fmla="*/ 2847304 h 3713732"/>
                    <a:gd name="connsiteX4" fmla="*/ 1358529 w 1611791"/>
                    <a:gd name="connsiteY4" fmla="*/ 1872299 h 3713732"/>
                    <a:gd name="connsiteX5" fmla="*/ 1295141 w 1611791"/>
                    <a:gd name="connsiteY5" fmla="*/ 1501130 h 3713732"/>
                    <a:gd name="connsiteX6" fmla="*/ 1280721 w 1611791"/>
                    <a:gd name="connsiteY6" fmla="*/ 3515867 h 3713732"/>
                    <a:gd name="connsiteX7" fmla="*/ 937821 w 1611791"/>
                    <a:gd name="connsiteY7" fmla="*/ 3487292 h 3713732"/>
                    <a:gd name="connsiteX8" fmla="*/ 952109 w 1611791"/>
                    <a:gd name="connsiteY8" fmla="*/ 2258567 h 3713732"/>
                    <a:gd name="connsiteX9" fmla="*/ 923533 w 1611791"/>
                    <a:gd name="connsiteY9" fmla="*/ 3558730 h 3713732"/>
                    <a:gd name="connsiteX10" fmla="*/ 594921 w 1611791"/>
                    <a:gd name="connsiteY10" fmla="*/ 3458717 h 3713732"/>
                    <a:gd name="connsiteX11" fmla="*/ 609208 w 1611791"/>
                    <a:gd name="connsiteY11" fmla="*/ 1229867 h 3713732"/>
                    <a:gd name="connsiteX12" fmla="*/ 9133 w 1611791"/>
                    <a:gd name="connsiteY12" fmla="*/ 158305 h 3713732"/>
                    <a:gd name="connsiteX13" fmla="*/ 294883 w 1611791"/>
                    <a:gd name="connsiteY13" fmla="*/ 86867 h 3713732"/>
                    <a:gd name="connsiteX14" fmla="*/ 756672 w 1611791"/>
                    <a:gd name="connsiteY14" fmla="*/ 885912 h 3713732"/>
                    <a:gd name="connsiteX0" fmla="*/ 497308 w 1357016"/>
                    <a:gd name="connsiteY0" fmla="*/ 790697 h 3631749"/>
                    <a:gd name="connsiteX1" fmla="*/ 1053462 w 1357016"/>
                    <a:gd name="connsiteY1" fmla="*/ 915863 h 3631749"/>
                    <a:gd name="connsiteX2" fmla="*/ 1353256 w 1357016"/>
                    <a:gd name="connsiteY2" fmla="*/ 1743565 h 3631749"/>
                    <a:gd name="connsiteX3" fmla="*/ 1149304 w 1357016"/>
                    <a:gd name="connsiteY3" fmla="*/ 2765321 h 3631749"/>
                    <a:gd name="connsiteX4" fmla="*/ 1103754 w 1357016"/>
                    <a:gd name="connsiteY4" fmla="*/ 1790316 h 3631749"/>
                    <a:gd name="connsiteX5" fmla="*/ 1040366 w 1357016"/>
                    <a:gd name="connsiteY5" fmla="*/ 1419147 h 3631749"/>
                    <a:gd name="connsiteX6" fmla="*/ 1025946 w 1357016"/>
                    <a:gd name="connsiteY6" fmla="*/ 3433884 h 3631749"/>
                    <a:gd name="connsiteX7" fmla="*/ 683046 w 1357016"/>
                    <a:gd name="connsiteY7" fmla="*/ 3405309 h 3631749"/>
                    <a:gd name="connsiteX8" fmla="*/ 697334 w 1357016"/>
                    <a:gd name="connsiteY8" fmla="*/ 2176584 h 3631749"/>
                    <a:gd name="connsiteX9" fmla="*/ 668758 w 1357016"/>
                    <a:gd name="connsiteY9" fmla="*/ 3476747 h 3631749"/>
                    <a:gd name="connsiteX10" fmla="*/ 340146 w 1357016"/>
                    <a:gd name="connsiteY10" fmla="*/ 3376734 h 3631749"/>
                    <a:gd name="connsiteX11" fmla="*/ 354433 w 1357016"/>
                    <a:gd name="connsiteY11" fmla="*/ 1147884 h 3631749"/>
                    <a:gd name="connsiteX12" fmla="*/ 277174 w 1357016"/>
                    <a:gd name="connsiteY12" fmla="*/ 2609775 h 3631749"/>
                    <a:gd name="connsiteX13" fmla="*/ 40108 w 1357016"/>
                    <a:gd name="connsiteY13" fmla="*/ 4884 h 3631749"/>
                    <a:gd name="connsiteX14" fmla="*/ 501897 w 1357016"/>
                    <a:gd name="connsiteY14" fmla="*/ 803929 h 3631749"/>
                    <a:gd name="connsiteX0" fmla="*/ 525893 w 1385601"/>
                    <a:gd name="connsiteY0" fmla="*/ 1 h 2841053"/>
                    <a:gd name="connsiteX1" fmla="*/ 1082047 w 1385601"/>
                    <a:gd name="connsiteY1" fmla="*/ 125167 h 2841053"/>
                    <a:gd name="connsiteX2" fmla="*/ 1381841 w 1385601"/>
                    <a:gd name="connsiteY2" fmla="*/ 952869 h 2841053"/>
                    <a:gd name="connsiteX3" fmla="*/ 1177889 w 1385601"/>
                    <a:gd name="connsiteY3" fmla="*/ 1974625 h 2841053"/>
                    <a:gd name="connsiteX4" fmla="*/ 1132339 w 1385601"/>
                    <a:gd name="connsiteY4" fmla="*/ 999620 h 2841053"/>
                    <a:gd name="connsiteX5" fmla="*/ 1068951 w 1385601"/>
                    <a:gd name="connsiteY5" fmla="*/ 628451 h 2841053"/>
                    <a:gd name="connsiteX6" fmla="*/ 1054531 w 1385601"/>
                    <a:gd name="connsiteY6" fmla="*/ 2643188 h 2841053"/>
                    <a:gd name="connsiteX7" fmla="*/ 711631 w 1385601"/>
                    <a:gd name="connsiteY7" fmla="*/ 2614613 h 2841053"/>
                    <a:gd name="connsiteX8" fmla="*/ 725919 w 1385601"/>
                    <a:gd name="connsiteY8" fmla="*/ 1385888 h 2841053"/>
                    <a:gd name="connsiteX9" fmla="*/ 697343 w 1385601"/>
                    <a:gd name="connsiteY9" fmla="*/ 2686051 h 2841053"/>
                    <a:gd name="connsiteX10" fmla="*/ 368731 w 1385601"/>
                    <a:gd name="connsiteY10" fmla="*/ 2586038 h 2841053"/>
                    <a:gd name="connsiteX11" fmla="*/ 383018 w 1385601"/>
                    <a:gd name="connsiteY11" fmla="*/ 357188 h 2841053"/>
                    <a:gd name="connsiteX12" fmla="*/ 305759 w 1385601"/>
                    <a:gd name="connsiteY12" fmla="*/ 1819079 h 2841053"/>
                    <a:gd name="connsiteX13" fmla="*/ 37938 w 1385601"/>
                    <a:gd name="connsiteY13" fmla="*/ 93143 h 2841053"/>
                    <a:gd name="connsiteX14" fmla="*/ 530482 w 1385601"/>
                    <a:gd name="connsiteY14" fmla="*/ 13233 h 2841053"/>
                    <a:gd name="connsiteX0" fmla="*/ 413356 w 1273064"/>
                    <a:gd name="connsiteY0" fmla="*/ 1 h 2841053"/>
                    <a:gd name="connsiteX1" fmla="*/ 969510 w 1273064"/>
                    <a:gd name="connsiteY1" fmla="*/ 125167 h 2841053"/>
                    <a:gd name="connsiteX2" fmla="*/ 1269304 w 1273064"/>
                    <a:gd name="connsiteY2" fmla="*/ 952869 h 2841053"/>
                    <a:gd name="connsiteX3" fmla="*/ 1065352 w 1273064"/>
                    <a:gd name="connsiteY3" fmla="*/ 1974625 h 2841053"/>
                    <a:gd name="connsiteX4" fmla="*/ 1019802 w 1273064"/>
                    <a:gd name="connsiteY4" fmla="*/ 999620 h 2841053"/>
                    <a:gd name="connsiteX5" fmla="*/ 956414 w 1273064"/>
                    <a:gd name="connsiteY5" fmla="*/ 628451 h 2841053"/>
                    <a:gd name="connsiteX6" fmla="*/ 941994 w 1273064"/>
                    <a:gd name="connsiteY6" fmla="*/ 2643188 h 2841053"/>
                    <a:gd name="connsiteX7" fmla="*/ 599094 w 1273064"/>
                    <a:gd name="connsiteY7" fmla="*/ 2614613 h 2841053"/>
                    <a:gd name="connsiteX8" fmla="*/ 613382 w 1273064"/>
                    <a:gd name="connsiteY8" fmla="*/ 1385888 h 2841053"/>
                    <a:gd name="connsiteX9" fmla="*/ 584806 w 1273064"/>
                    <a:gd name="connsiteY9" fmla="*/ 2686051 h 2841053"/>
                    <a:gd name="connsiteX10" fmla="*/ 256194 w 1273064"/>
                    <a:gd name="connsiteY10" fmla="*/ 2586038 h 2841053"/>
                    <a:gd name="connsiteX11" fmla="*/ 270481 w 1273064"/>
                    <a:gd name="connsiteY11" fmla="*/ 357188 h 2841053"/>
                    <a:gd name="connsiteX12" fmla="*/ 193222 w 1273064"/>
                    <a:gd name="connsiteY12" fmla="*/ 1819079 h 2841053"/>
                    <a:gd name="connsiteX13" fmla="*/ 48417 w 1273064"/>
                    <a:gd name="connsiteY13" fmla="*/ 299955 h 2841053"/>
                    <a:gd name="connsiteX14" fmla="*/ 417945 w 1273064"/>
                    <a:gd name="connsiteY14" fmla="*/ 13233 h 2841053"/>
                    <a:gd name="connsiteX0" fmla="*/ 464874 w 1324582"/>
                    <a:gd name="connsiteY0" fmla="*/ 1 h 2841053"/>
                    <a:gd name="connsiteX1" fmla="*/ 1021028 w 1324582"/>
                    <a:gd name="connsiteY1" fmla="*/ 125167 h 2841053"/>
                    <a:gd name="connsiteX2" fmla="*/ 1320822 w 1324582"/>
                    <a:gd name="connsiteY2" fmla="*/ 952869 h 2841053"/>
                    <a:gd name="connsiteX3" fmla="*/ 1116870 w 1324582"/>
                    <a:gd name="connsiteY3" fmla="*/ 1974625 h 2841053"/>
                    <a:gd name="connsiteX4" fmla="*/ 1071320 w 1324582"/>
                    <a:gd name="connsiteY4" fmla="*/ 999620 h 2841053"/>
                    <a:gd name="connsiteX5" fmla="*/ 1007932 w 1324582"/>
                    <a:gd name="connsiteY5" fmla="*/ 628451 h 2841053"/>
                    <a:gd name="connsiteX6" fmla="*/ 993512 w 1324582"/>
                    <a:gd name="connsiteY6" fmla="*/ 2643188 h 2841053"/>
                    <a:gd name="connsiteX7" fmla="*/ 650612 w 1324582"/>
                    <a:gd name="connsiteY7" fmla="*/ 2614613 h 2841053"/>
                    <a:gd name="connsiteX8" fmla="*/ 664900 w 1324582"/>
                    <a:gd name="connsiteY8" fmla="*/ 1385888 h 2841053"/>
                    <a:gd name="connsiteX9" fmla="*/ 636324 w 1324582"/>
                    <a:gd name="connsiteY9" fmla="*/ 2686051 h 2841053"/>
                    <a:gd name="connsiteX10" fmla="*/ 307712 w 1324582"/>
                    <a:gd name="connsiteY10" fmla="*/ 2586038 h 2841053"/>
                    <a:gd name="connsiteX11" fmla="*/ 321999 w 1324582"/>
                    <a:gd name="connsiteY11" fmla="*/ 357188 h 2841053"/>
                    <a:gd name="connsiteX12" fmla="*/ 244740 w 1324582"/>
                    <a:gd name="connsiteY12" fmla="*/ 1819079 h 2841053"/>
                    <a:gd name="connsiteX13" fmla="*/ 99935 w 1324582"/>
                    <a:gd name="connsiteY13" fmla="*/ 299955 h 2841053"/>
                    <a:gd name="connsiteX14" fmla="*/ 469463 w 1324582"/>
                    <a:gd name="connsiteY14" fmla="*/ 13233 h 2841053"/>
                    <a:gd name="connsiteX0" fmla="*/ 464874 w 1324582"/>
                    <a:gd name="connsiteY0" fmla="*/ 49223 h 2890275"/>
                    <a:gd name="connsiteX1" fmla="*/ 1021028 w 1324582"/>
                    <a:gd name="connsiteY1" fmla="*/ 174389 h 2890275"/>
                    <a:gd name="connsiteX2" fmla="*/ 1320822 w 1324582"/>
                    <a:gd name="connsiteY2" fmla="*/ 1002091 h 2890275"/>
                    <a:gd name="connsiteX3" fmla="*/ 1116870 w 1324582"/>
                    <a:gd name="connsiteY3" fmla="*/ 2023847 h 2890275"/>
                    <a:gd name="connsiteX4" fmla="*/ 1071320 w 1324582"/>
                    <a:gd name="connsiteY4" fmla="*/ 1048842 h 2890275"/>
                    <a:gd name="connsiteX5" fmla="*/ 1007932 w 1324582"/>
                    <a:gd name="connsiteY5" fmla="*/ 677673 h 2890275"/>
                    <a:gd name="connsiteX6" fmla="*/ 993512 w 1324582"/>
                    <a:gd name="connsiteY6" fmla="*/ 2692410 h 2890275"/>
                    <a:gd name="connsiteX7" fmla="*/ 650612 w 1324582"/>
                    <a:gd name="connsiteY7" fmla="*/ 2663835 h 2890275"/>
                    <a:gd name="connsiteX8" fmla="*/ 664900 w 1324582"/>
                    <a:gd name="connsiteY8" fmla="*/ 1435110 h 2890275"/>
                    <a:gd name="connsiteX9" fmla="*/ 636324 w 1324582"/>
                    <a:gd name="connsiteY9" fmla="*/ 2735273 h 2890275"/>
                    <a:gd name="connsiteX10" fmla="*/ 307712 w 1324582"/>
                    <a:gd name="connsiteY10" fmla="*/ 2635260 h 2890275"/>
                    <a:gd name="connsiteX11" fmla="*/ 321999 w 1324582"/>
                    <a:gd name="connsiteY11" fmla="*/ 406410 h 2890275"/>
                    <a:gd name="connsiteX12" fmla="*/ 244740 w 1324582"/>
                    <a:gd name="connsiteY12" fmla="*/ 1868301 h 2890275"/>
                    <a:gd name="connsiteX13" fmla="*/ 99935 w 1324582"/>
                    <a:gd name="connsiteY13" fmla="*/ 349177 h 2890275"/>
                    <a:gd name="connsiteX14" fmla="*/ 469463 w 1324582"/>
                    <a:gd name="connsiteY14" fmla="*/ 62455 h 2890275"/>
                    <a:gd name="connsiteX0" fmla="*/ 389388 w 1249096"/>
                    <a:gd name="connsiteY0" fmla="*/ 49223 h 2890275"/>
                    <a:gd name="connsiteX1" fmla="*/ 945542 w 1249096"/>
                    <a:gd name="connsiteY1" fmla="*/ 174389 h 2890275"/>
                    <a:gd name="connsiteX2" fmla="*/ 1245336 w 1249096"/>
                    <a:gd name="connsiteY2" fmla="*/ 1002091 h 2890275"/>
                    <a:gd name="connsiteX3" fmla="*/ 1041384 w 1249096"/>
                    <a:gd name="connsiteY3" fmla="*/ 2023847 h 2890275"/>
                    <a:gd name="connsiteX4" fmla="*/ 995834 w 1249096"/>
                    <a:gd name="connsiteY4" fmla="*/ 1048842 h 2890275"/>
                    <a:gd name="connsiteX5" fmla="*/ 932446 w 1249096"/>
                    <a:gd name="connsiteY5" fmla="*/ 677673 h 2890275"/>
                    <a:gd name="connsiteX6" fmla="*/ 918026 w 1249096"/>
                    <a:gd name="connsiteY6" fmla="*/ 2692410 h 2890275"/>
                    <a:gd name="connsiteX7" fmla="*/ 575126 w 1249096"/>
                    <a:gd name="connsiteY7" fmla="*/ 2663835 h 2890275"/>
                    <a:gd name="connsiteX8" fmla="*/ 589414 w 1249096"/>
                    <a:gd name="connsiteY8" fmla="*/ 1435110 h 2890275"/>
                    <a:gd name="connsiteX9" fmla="*/ 560838 w 1249096"/>
                    <a:gd name="connsiteY9" fmla="*/ 2735273 h 2890275"/>
                    <a:gd name="connsiteX10" fmla="*/ 232226 w 1249096"/>
                    <a:gd name="connsiteY10" fmla="*/ 2635260 h 2890275"/>
                    <a:gd name="connsiteX11" fmla="*/ 246513 w 1249096"/>
                    <a:gd name="connsiteY11" fmla="*/ 406410 h 2890275"/>
                    <a:gd name="connsiteX12" fmla="*/ 169254 w 1249096"/>
                    <a:gd name="connsiteY12" fmla="*/ 1868301 h 2890275"/>
                    <a:gd name="connsiteX13" fmla="*/ 24449 w 1249096"/>
                    <a:gd name="connsiteY13" fmla="*/ 349177 h 2890275"/>
                    <a:gd name="connsiteX14" fmla="*/ 393977 w 1249096"/>
                    <a:gd name="connsiteY14" fmla="*/ 62455 h 2890275"/>
                    <a:gd name="connsiteX0" fmla="*/ 388964 w 1248672"/>
                    <a:gd name="connsiteY0" fmla="*/ 49223 h 2893271"/>
                    <a:gd name="connsiteX1" fmla="*/ 945118 w 1248672"/>
                    <a:gd name="connsiteY1" fmla="*/ 174389 h 2893271"/>
                    <a:gd name="connsiteX2" fmla="*/ 1244912 w 1248672"/>
                    <a:gd name="connsiteY2" fmla="*/ 1002091 h 2893271"/>
                    <a:gd name="connsiteX3" fmla="*/ 1040960 w 1248672"/>
                    <a:gd name="connsiteY3" fmla="*/ 2023847 h 2893271"/>
                    <a:gd name="connsiteX4" fmla="*/ 995410 w 1248672"/>
                    <a:gd name="connsiteY4" fmla="*/ 1048842 h 2893271"/>
                    <a:gd name="connsiteX5" fmla="*/ 932022 w 1248672"/>
                    <a:gd name="connsiteY5" fmla="*/ 677673 h 2893271"/>
                    <a:gd name="connsiteX6" fmla="*/ 917602 w 1248672"/>
                    <a:gd name="connsiteY6" fmla="*/ 2692410 h 2893271"/>
                    <a:gd name="connsiteX7" fmla="*/ 574702 w 1248672"/>
                    <a:gd name="connsiteY7" fmla="*/ 2663835 h 2893271"/>
                    <a:gd name="connsiteX8" fmla="*/ 588990 w 1248672"/>
                    <a:gd name="connsiteY8" fmla="*/ 1435110 h 2893271"/>
                    <a:gd name="connsiteX9" fmla="*/ 560414 w 1248672"/>
                    <a:gd name="connsiteY9" fmla="*/ 2735273 h 2893271"/>
                    <a:gd name="connsiteX10" fmla="*/ 231802 w 1248672"/>
                    <a:gd name="connsiteY10" fmla="*/ 2635260 h 2893271"/>
                    <a:gd name="connsiteX11" fmla="*/ 215335 w 1248672"/>
                    <a:gd name="connsiteY11" fmla="*/ 613221 h 2893271"/>
                    <a:gd name="connsiteX12" fmla="*/ 168830 w 1248672"/>
                    <a:gd name="connsiteY12" fmla="*/ 1868301 h 2893271"/>
                    <a:gd name="connsiteX13" fmla="*/ 24025 w 1248672"/>
                    <a:gd name="connsiteY13" fmla="*/ 349177 h 2893271"/>
                    <a:gd name="connsiteX14" fmla="*/ 393553 w 1248672"/>
                    <a:gd name="connsiteY14" fmla="*/ 62455 h 2893271"/>
                    <a:gd name="connsiteX0" fmla="*/ 386611 w 1246319"/>
                    <a:gd name="connsiteY0" fmla="*/ 49223 h 2893271"/>
                    <a:gd name="connsiteX1" fmla="*/ 942765 w 1246319"/>
                    <a:gd name="connsiteY1" fmla="*/ 174389 h 2893271"/>
                    <a:gd name="connsiteX2" fmla="*/ 1242559 w 1246319"/>
                    <a:gd name="connsiteY2" fmla="*/ 1002091 h 2893271"/>
                    <a:gd name="connsiteX3" fmla="*/ 1038607 w 1246319"/>
                    <a:gd name="connsiteY3" fmla="*/ 2023847 h 2893271"/>
                    <a:gd name="connsiteX4" fmla="*/ 993057 w 1246319"/>
                    <a:gd name="connsiteY4" fmla="*/ 1048842 h 2893271"/>
                    <a:gd name="connsiteX5" fmla="*/ 929669 w 1246319"/>
                    <a:gd name="connsiteY5" fmla="*/ 677673 h 2893271"/>
                    <a:gd name="connsiteX6" fmla="*/ 915249 w 1246319"/>
                    <a:gd name="connsiteY6" fmla="*/ 2692410 h 2893271"/>
                    <a:gd name="connsiteX7" fmla="*/ 572349 w 1246319"/>
                    <a:gd name="connsiteY7" fmla="*/ 2663835 h 2893271"/>
                    <a:gd name="connsiteX8" fmla="*/ 586637 w 1246319"/>
                    <a:gd name="connsiteY8" fmla="*/ 1435110 h 2893271"/>
                    <a:gd name="connsiteX9" fmla="*/ 558061 w 1246319"/>
                    <a:gd name="connsiteY9" fmla="*/ 2735273 h 2893271"/>
                    <a:gd name="connsiteX10" fmla="*/ 229449 w 1246319"/>
                    <a:gd name="connsiteY10" fmla="*/ 2635260 h 2893271"/>
                    <a:gd name="connsiteX11" fmla="*/ 212982 w 1246319"/>
                    <a:gd name="connsiteY11" fmla="*/ 613221 h 2893271"/>
                    <a:gd name="connsiteX12" fmla="*/ 22147 w 1246319"/>
                    <a:gd name="connsiteY12" fmla="*/ 1246923 h 2893271"/>
                    <a:gd name="connsiteX13" fmla="*/ 166477 w 1246319"/>
                    <a:gd name="connsiteY13" fmla="*/ 1868301 h 2893271"/>
                    <a:gd name="connsiteX14" fmla="*/ 21672 w 1246319"/>
                    <a:gd name="connsiteY14" fmla="*/ 349177 h 2893271"/>
                    <a:gd name="connsiteX15" fmla="*/ 391200 w 1246319"/>
                    <a:gd name="connsiteY15" fmla="*/ 62455 h 2893271"/>
                    <a:gd name="connsiteX0" fmla="*/ 386611 w 1246319"/>
                    <a:gd name="connsiteY0" fmla="*/ 49223 h 2886157"/>
                    <a:gd name="connsiteX1" fmla="*/ 942765 w 1246319"/>
                    <a:gd name="connsiteY1" fmla="*/ 174389 h 2886157"/>
                    <a:gd name="connsiteX2" fmla="*/ 1242559 w 1246319"/>
                    <a:gd name="connsiteY2" fmla="*/ 1002091 h 2886157"/>
                    <a:gd name="connsiteX3" fmla="*/ 1038607 w 1246319"/>
                    <a:gd name="connsiteY3" fmla="*/ 2023847 h 2886157"/>
                    <a:gd name="connsiteX4" fmla="*/ 993057 w 1246319"/>
                    <a:gd name="connsiteY4" fmla="*/ 1048842 h 2886157"/>
                    <a:gd name="connsiteX5" fmla="*/ 929669 w 1246319"/>
                    <a:gd name="connsiteY5" fmla="*/ 677673 h 2886157"/>
                    <a:gd name="connsiteX6" fmla="*/ 915249 w 1246319"/>
                    <a:gd name="connsiteY6" fmla="*/ 2692410 h 2886157"/>
                    <a:gd name="connsiteX7" fmla="*/ 572349 w 1246319"/>
                    <a:gd name="connsiteY7" fmla="*/ 2663835 h 2886157"/>
                    <a:gd name="connsiteX8" fmla="*/ 586637 w 1246319"/>
                    <a:gd name="connsiteY8" fmla="*/ 1435110 h 2886157"/>
                    <a:gd name="connsiteX9" fmla="*/ 558061 w 1246319"/>
                    <a:gd name="connsiteY9" fmla="*/ 2735273 h 2886157"/>
                    <a:gd name="connsiteX10" fmla="*/ 229449 w 1246319"/>
                    <a:gd name="connsiteY10" fmla="*/ 2635260 h 2886157"/>
                    <a:gd name="connsiteX11" fmla="*/ 206669 w 1246319"/>
                    <a:gd name="connsiteY11" fmla="*/ 1350329 h 2886157"/>
                    <a:gd name="connsiteX12" fmla="*/ 212982 w 1246319"/>
                    <a:gd name="connsiteY12" fmla="*/ 613221 h 2886157"/>
                    <a:gd name="connsiteX13" fmla="*/ 22147 w 1246319"/>
                    <a:gd name="connsiteY13" fmla="*/ 1246923 h 2886157"/>
                    <a:gd name="connsiteX14" fmla="*/ 166477 w 1246319"/>
                    <a:gd name="connsiteY14" fmla="*/ 1868301 h 2886157"/>
                    <a:gd name="connsiteX15" fmla="*/ 21672 w 1246319"/>
                    <a:gd name="connsiteY15" fmla="*/ 349177 h 2886157"/>
                    <a:gd name="connsiteX16" fmla="*/ 391200 w 1246319"/>
                    <a:gd name="connsiteY16" fmla="*/ 62455 h 2886157"/>
                    <a:gd name="connsiteX0" fmla="*/ 387919 w 1247627"/>
                    <a:gd name="connsiteY0" fmla="*/ 49223 h 2886155"/>
                    <a:gd name="connsiteX1" fmla="*/ 944073 w 1247627"/>
                    <a:gd name="connsiteY1" fmla="*/ 174389 h 2886155"/>
                    <a:gd name="connsiteX2" fmla="*/ 1243867 w 1247627"/>
                    <a:gd name="connsiteY2" fmla="*/ 1002091 h 2886155"/>
                    <a:gd name="connsiteX3" fmla="*/ 1039915 w 1247627"/>
                    <a:gd name="connsiteY3" fmla="*/ 2023847 h 2886155"/>
                    <a:gd name="connsiteX4" fmla="*/ 994365 w 1247627"/>
                    <a:gd name="connsiteY4" fmla="*/ 1048842 h 2886155"/>
                    <a:gd name="connsiteX5" fmla="*/ 930977 w 1247627"/>
                    <a:gd name="connsiteY5" fmla="*/ 677673 h 2886155"/>
                    <a:gd name="connsiteX6" fmla="*/ 916557 w 1247627"/>
                    <a:gd name="connsiteY6" fmla="*/ 2692410 h 2886155"/>
                    <a:gd name="connsiteX7" fmla="*/ 573657 w 1247627"/>
                    <a:gd name="connsiteY7" fmla="*/ 2663835 h 2886155"/>
                    <a:gd name="connsiteX8" fmla="*/ 587945 w 1247627"/>
                    <a:gd name="connsiteY8" fmla="*/ 1435110 h 2886155"/>
                    <a:gd name="connsiteX9" fmla="*/ 559369 w 1247627"/>
                    <a:gd name="connsiteY9" fmla="*/ 2735273 h 2886155"/>
                    <a:gd name="connsiteX10" fmla="*/ 230757 w 1247627"/>
                    <a:gd name="connsiteY10" fmla="*/ 2635260 h 2886155"/>
                    <a:gd name="connsiteX11" fmla="*/ 207977 w 1247627"/>
                    <a:gd name="connsiteY11" fmla="*/ 1350329 h 2886155"/>
                    <a:gd name="connsiteX12" fmla="*/ 214290 w 1247627"/>
                    <a:gd name="connsiteY12" fmla="*/ 613221 h 2886155"/>
                    <a:gd name="connsiteX13" fmla="*/ 134011 w 1247627"/>
                    <a:gd name="connsiteY13" fmla="*/ 1216003 h 2886155"/>
                    <a:gd name="connsiteX14" fmla="*/ 167785 w 1247627"/>
                    <a:gd name="connsiteY14" fmla="*/ 1868301 h 2886155"/>
                    <a:gd name="connsiteX15" fmla="*/ 22980 w 1247627"/>
                    <a:gd name="connsiteY15" fmla="*/ 349177 h 2886155"/>
                    <a:gd name="connsiteX16" fmla="*/ 392508 w 1247627"/>
                    <a:gd name="connsiteY16" fmla="*/ 62455 h 2886155"/>
                    <a:gd name="connsiteX0" fmla="*/ 382115 w 1241823"/>
                    <a:gd name="connsiteY0" fmla="*/ 49223 h 2886155"/>
                    <a:gd name="connsiteX1" fmla="*/ 938269 w 1241823"/>
                    <a:gd name="connsiteY1" fmla="*/ 174389 h 2886155"/>
                    <a:gd name="connsiteX2" fmla="*/ 1238063 w 1241823"/>
                    <a:gd name="connsiteY2" fmla="*/ 1002091 h 2886155"/>
                    <a:gd name="connsiteX3" fmla="*/ 1034111 w 1241823"/>
                    <a:gd name="connsiteY3" fmla="*/ 2023847 h 2886155"/>
                    <a:gd name="connsiteX4" fmla="*/ 988561 w 1241823"/>
                    <a:gd name="connsiteY4" fmla="*/ 1048842 h 2886155"/>
                    <a:gd name="connsiteX5" fmla="*/ 925173 w 1241823"/>
                    <a:gd name="connsiteY5" fmla="*/ 677673 h 2886155"/>
                    <a:gd name="connsiteX6" fmla="*/ 910753 w 1241823"/>
                    <a:gd name="connsiteY6" fmla="*/ 2692410 h 2886155"/>
                    <a:gd name="connsiteX7" fmla="*/ 567853 w 1241823"/>
                    <a:gd name="connsiteY7" fmla="*/ 2663835 h 2886155"/>
                    <a:gd name="connsiteX8" fmla="*/ 582141 w 1241823"/>
                    <a:gd name="connsiteY8" fmla="*/ 1435110 h 2886155"/>
                    <a:gd name="connsiteX9" fmla="*/ 553565 w 1241823"/>
                    <a:gd name="connsiteY9" fmla="*/ 2735273 h 2886155"/>
                    <a:gd name="connsiteX10" fmla="*/ 224953 w 1241823"/>
                    <a:gd name="connsiteY10" fmla="*/ 2635260 h 2886155"/>
                    <a:gd name="connsiteX11" fmla="*/ 202173 w 1241823"/>
                    <a:gd name="connsiteY11" fmla="*/ 1350329 h 2886155"/>
                    <a:gd name="connsiteX12" fmla="*/ 208486 w 1241823"/>
                    <a:gd name="connsiteY12" fmla="*/ 613221 h 2886155"/>
                    <a:gd name="connsiteX13" fmla="*/ 128207 w 1241823"/>
                    <a:gd name="connsiteY13" fmla="*/ 1216003 h 2886155"/>
                    <a:gd name="connsiteX14" fmla="*/ 161981 w 1241823"/>
                    <a:gd name="connsiteY14" fmla="*/ 1868301 h 2886155"/>
                    <a:gd name="connsiteX15" fmla="*/ 17176 w 1241823"/>
                    <a:gd name="connsiteY15" fmla="*/ 349177 h 2886155"/>
                    <a:gd name="connsiteX16" fmla="*/ 386704 w 1241823"/>
                    <a:gd name="connsiteY16" fmla="*/ 62455 h 2886155"/>
                    <a:gd name="connsiteX0" fmla="*/ 391904 w 1251612"/>
                    <a:gd name="connsiteY0" fmla="*/ 49223 h 2886155"/>
                    <a:gd name="connsiteX1" fmla="*/ 948058 w 1251612"/>
                    <a:gd name="connsiteY1" fmla="*/ 174389 h 2886155"/>
                    <a:gd name="connsiteX2" fmla="*/ 1247852 w 1251612"/>
                    <a:gd name="connsiteY2" fmla="*/ 1002091 h 2886155"/>
                    <a:gd name="connsiteX3" fmla="*/ 1043900 w 1251612"/>
                    <a:gd name="connsiteY3" fmla="*/ 2023847 h 2886155"/>
                    <a:gd name="connsiteX4" fmla="*/ 998350 w 1251612"/>
                    <a:gd name="connsiteY4" fmla="*/ 1048842 h 2886155"/>
                    <a:gd name="connsiteX5" fmla="*/ 934962 w 1251612"/>
                    <a:gd name="connsiteY5" fmla="*/ 677673 h 2886155"/>
                    <a:gd name="connsiteX6" fmla="*/ 920542 w 1251612"/>
                    <a:gd name="connsiteY6" fmla="*/ 2692410 h 2886155"/>
                    <a:gd name="connsiteX7" fmla="*/ 577642 w 1251612"/>
                    <a:gd name="connsiteY7" fmla="*/ 2663835 h 2886155"/>
                    <a:gd name="connsiteX8" fmla="*/ 591930 w 1251612"/>
                    <a:gd name="connsiteY8" fmla="*/ 1435110 h 2886155"/>
                    <a:gd name="connsiteX9" fmla="*/ 563354 w 1251612"/>
                    <a:gd name="connsiteY9" fmla="*/ 2735273 h 2886155"/>
                    <a:gd name="connsiteX10" fmla="*/ 234742 w 1251612"/>
                    <a:gd name="connsiteY10" fmla="*/ 2635260 h 2886155"/>
                    <a:gd name="connsiteX11" fmla="*/ 211962 w 1251612"/>
                    <a:gd name="connsiteY11" fmla="*/ 1350329 h 2886155"/>
                    <a:gd name="connsiteX12" fmla="*/ 218275 w 1251612"/>
                    <a:gd name="connsiteY12" fmla="*/ 613221 h 2886155"/>
                    <a:gd name="connsiteX13" fmla="*/ 137996 w 1251612"/>
                    <a:gd name="connsiteY13" fmla="*/ 1216003 h 2886155"/>
                    <a:gd name="connsiteX14" fmla="*/ 171770 w 1251612"/>
                    <a:gd name="connsiteY14" fmla="*/ 1868301 h 2886155"/>
                    <a:gd name="connsiteX15" fmla="*/ 26965 w 1251612"/>
                    <a:gd name="connsiteY15" fmla="*/ 349177 h 2886155"/>
                    <a:gd name="connsiteX16" fmla="*/ 396493 w 1251612"/>
                    <a:gd name="connsiteY16" fmla="*/ 62455 h 2886155"/>
                    <a:gd name="connsiteX0" fmla="*/ 391904 w 1251612"/>
                    <a:gd name="connsiteY0" fmla="*/ 34146 h 2871078"/>
                    <a:gd name="connsiteX1" fmla="*/ 948058 w 1251612"/>
                    <a:gd name="connsiteY1" fmla="*/ 159312 h 2871078"/>
                    <a:gd name="connsiteX2" fmla="*/ 1247852 w 1251612"/>
                    <a:gd name="connsiteY2" fmla="*/ 987014 h 2871078"/>
                    <a:gd name="connsiteX3" fmla="*/ 1043900 w 1251612"/>
                    <a:gd name="connsiteY3" fmla="*/ 2008770 h 2871078"/>
                    <a:gd name="connsiteX4" fmla="*/ 998350 w 1251612"/>
                    <a:gd name="connsiteY4" fmla="*/ 1033765 h 2871078"/>
                    <a:gd name="connsiteX5" fmla="*/ 934962 w 1251612"/>
                    <a:gd name="connsiteY5" fmla="*/ 662596 h 2871078"/>
                    <a:gd name="connsiteX6" fmla="*/ 920542 w 1251612"/>
                    <a:gd name="connsiteY6" fmla="*/ 2677333 h 2871078"/>
                    <a:gd name="connsiteX7" fmla="*/ 577642 w 1251612"/>
                    <a:gd name="connsiteY7" fmla="*/ 2648758 h 2871078"/>
                    <a:gd name="connsiteX8" fmla="*/ 591930 w 1251612"/>
                    <a:gd name="connsiteY8" fmla="*/ 1420033 h 2871078"/>
                    <a:gd name="connsiteX9" fmla="*/ 563354 w 1251612"/>
                    <a:gd name="connsiteY9" fmla="*/ 2720196 h 2871078"/>
                    <a:gd name="connsiteX10" fmla="*/ 234742 w 1251612"/>
                    <a:gd name="connsiteY10" fmla="*/ 2620183 h 2871078"/>
                    <a:gd name="connsiteX11" fmla="*/ 211962 w 1251612"/>
                    <a:gd name="connsiteY11" fmla="*/ 1335252 h 2871078"/>
                    <a:gd name="connsiteX12" fmla="*/ 218275 w 1251612"/>
                    <a:gd name="connsiteY12" fmla="*/ 598144 h 2871078"/>
                    <a:gd name="connsiteX13" fmla="*/ 137996 w 1251612"/>
                    <a:gd name="connsiteY13" fmla="*/ 1200926 h 2871078"/>
                    <a:gd name="connsiteX14" fmla="*/ 171770 w 1251612"/>
                    <a:gd name="connsiteY14" fmla="*/ 1853224 h 2871078"/>
                    <a:gd name="connsiteX15" fmla="*/ 26965 w 1251612"/>
                    <a:gd name="connsiteY15" fmla="*/ 334100 h 2871078"/>
                    <a:gd name="connsiteX16" fmla="*/ 295150 w 1251612"/>
                    <a:gd name="connsiteY16" fmla="*/ 78298 h 2871078"/>
                    <a:gd name="connsiteX0" fmla="*/ 413828 w 1273536"/>
                    <a:gd name="connsiteY0" fmla="*/ 1 h 2836933"/>
                    <a:gd name="connsiteX1" fmla="*/ 969982 w 1273536"/>
                    <a:gd name="connsiteY1" fmla="*/ 125167 h 2836933"/>
                    <a:gd name="connsiteX2" fmla="*/ 1269776 w 1273536"/>
                    <a:gd name="connsiteY2" fmla="*/ 952869 h 2836933"/>
                    <a:gd name="connsiteX3" fmla="*/ 1065824 w 1273536"/>
                    <a:gd name="connsiteY3" fmla="*/ 1974625 h 2836933"/>
                    <a:gd name="connsiteX4" fmla="*/ 1020274 w 1273536"/>
                    <a:gd name="connsiteY4" fmla="*/ 999620 h 2836933"/>
                    <a:gd name="connsiteX5" fmla="*/ 956886 w 1273536"/>
                    <a:gd name="connsiteY5" fmla="*/ 628451 h 2836933"/>
                    <a:gd name="connsiteX6" fmla="*/ 942466 w 1273536"/>
                    <a:gd name="connsiteY6" fmla="*/ 2643188 h 2836933"/>
                    <a:gd name="connsiteX7" fmla="*/ 599566 w 1273536"/>
                    <a:gd name="connsiteY7" fmla="*/ 2614613 h 2836933"/>
                    <a:gd name="connsiteX8" fmla="*/ 613854 w 1273536"/>
                    <a:gd name="connsiteY8" fmla="*/ 1385888 h 2836933"/>
                    <a:gd name="connsiteX9" fmla="*/ 585278 w 1273536"/>
                    <a:gd name="connsiteY9" fmla="*/ 2686051 h 2836933"/>
                    <a:gd name="connsiteX10" fmla="*/ 256666 w 1273536"/>
                    <a:gd name="connsiteY10" fmla="*/ 2586038 h 2836933"/>
                    <a:gd name="connsiteX11" fmla="*/ 233886 w 1273536"/>
                    <a:gd name="connsiteY11" fmla="*/ 1301107 h 2836933"/>
                    <a:gd name="connsiteX12" fmla="*/ 240199 w 1273536"/>
                    <a:gd name="connsiteY12" fmla="*/ 563999 h 2836933"/>
                    <a:gd name="connsiteX13" fmla="*/ 159920 w 1273536"/>
                    <a:gd name="connsiteY13" fmla="*/ 1166781 h 2836933"/>
                    <a:gd name="connsiteX14" fmla="*/ 193694 w 1273536"/>
                    <a:gd name="connsiteY14" fmla="*/ 1819079 h 2836933"/>
                    <a:gd name="connsiteX15" fmla="*/ 21250 w 1273536"/>
                    <a:gd name="connsiteY15" fmla="*/ 701911 h 2836933"/>
                    <a:gd name="connsiteX16" fmla="*/ 317074 w 1273536"/>
                    <a:gd name="connsiteY16" fmla="*/ 44153 h 2836933"/>
                    <a:gd name="connsiteX0" fmla="*/ 394153 w 1253861"/>
                    <a:gd name="connsiteY0" fmla="*/ 1 h 2836933"/>
                    <a:gd name="connsiteX1" fmla="*/ 950307 w 1253861"/>
                    <a:gd name="connsiteY1" fmla="*/ 125167 h 2836933"/>
                    <a:gd name="connsiteX2" fmla="*/ 1250101 w 1253861"/>
                    <a:gd name="connsiteY2" fmla="*/ 952869 h 2836933"/>
                    <a:gd name="connsiteX3" fmla="*/ 1046149 w 1253861"/>
                    <a:gd name="connsiteY3" fmla="*/ 1974625 h 2836933"/>
                    <a:gd name="connsiteX4" fmla="*/ 1000599 w 1253861"/>
                    <a:gd name="connsiteY4" fmla="*/ 999620 h 2836933"/>
                    <a:gd name="connsiteX5" fmla="*/ 937211 w 1253861"/>
                    <a:gd name="connsiteY5" fmla="*/ 628451 h 2836933"/>
                    <a:gd name="connsiteX6" fmla="*/ 922791 w 1253861"/>
                    <a:gd name="connsiteY6" fmla="*/ 2643188 h 2836933"/>
                    <a:gd name="connsiteX7" fmla="*/ 579891 w 1253861"/>
                    <a:gd name="connsiteY7" fmla="*/ 2614613 h 2836933"/>
                    <a:gd name="connsiteX8" fmla="*/ 594179 w 1253861"/>
                    <a:gd name="connsiteY8" fmla="*/ 1385888 h 2836933"/>
                    <a:gd name="connsiteX9" fmla="*/ 565603 w 1253861"/>
                    <a:gd name="connsiteY9" fmla="*/ 2686051 h 2836933"/>
                    <a:gd name="connsiteX10" fmla="*/ 236991 w 1253861"/>
                    <a:gd name="connsiteY10" fmla="*/ 2586038 h 2836933"/>
                    <a:gd name="connsiteX11" fmla="*/ 214211 w 1253861"/>
                    <a:gd name="connsiteY11" fmla="*/ 1301107 h 2836933"/>
                    <a:gd name="connsiteX12" fmla="*/ 220524 w 1253861"/>
                    <a:gd name="connsiteY12" fmla="*/ 563999 h 2836933"/>
                    <a:gd name="connsiteX13" fmla="*/ 140245 w 1253861"/>
                    <a:gd name="connsiteY13" fmla="*/ 1166781 h 2836933"/>
                    <a:gd name="connsiteX14" fmla="*/ 174019 w 1253861"/>
                    <a:gd name="connsiteY14" fmla="*/ 1819079 h 2836933"/>
                    <a:gd name="connsiteX15" fmla="*/ 1575 w 1253861"/>
                    <a:gd name="connsiteY15" fmla="*/ 701911 h 2836933"/>
                    <a:gd name="connsiteX16" fmla="*/ 297399 w 1253861"/>
                    <a:gd name="connsiteY16" fmla="*/ 44153 h 2836933"/>
                    <a:gd name="connsiteX0" fmla="*/ 395210 w 1254918"/>
                    <a:gd name="connsiteY0" fmla="*/ 1 h 2836933"/>
                    <a:gd name="connsiteX1" fmla="*/ 951364 w 1254918"/>
                    <a:gd name="connsiteY1" fmla="*/ 125167 h 2836933"/>
                    <a:gd name="connsiteX2" fmla="*/ 1251158 w 1254918"/>
                    <a:gd name="connsiteY2" fmla="*/ 952869 h 2836933"/>
                    <a:gd name="connsiteX3" fmla="*/ 1047206 w 1254918"/>
                    <a:gd name="connsiteY3" fmla="*/ 1974625 h 2836933"/>
                    <a:gd name="connsiteX4" fmla="*/ 1001656 w 1254918"/>
                    <a:gd name="connsiteY4" fmla="*/ 999620 h 2836933"/>
                    <a:gd name="connsiteX5" fmla="*/ 938268 w 1254918"/>
                    <a:gd name="connsiteY5" fmla="*/ 628451 h 2836933"/>
                    <a:gd name="connsiteX6" fmla="*/ 923848 w 1254918"/>
                    <a:gd name="connsiteY6" fmla="*/ 2643188 h 2836933"/>
                    <a:gd name="connsiteX7" fmla="*/ 580948 w 1254918"/>
                    <a:gd name="connsiteY7" fmla="*/ 2614613 h 2836933"/>
                    <a:gd name="connsiteX8" fmla="*/ 595236 w 1254918"/>
                    <a:gd name="connsiteY8" fmla="*/ 1385888 h 2836933"/>
                    <a:gd name="connsiteX9" fmla="*/ 566660 w 1254918"/>
                    <a:gd name="connsiteY9" fmla="*/ 2686051 h 2836933"/>
                    <a:gd name="connsiteX10" fmla="*/ 238048 w 1254918"/>
                    <a:gd name="connsiteY10" fmla="*/ 2586038 h 2836933"/>
                    <a:gd name="connsiteX11" fmla="*/ 215268 w 1254918"/>
                    <a:gd name="connsiteY11" fmla="*/ 1301107 h 2836933"/>
                    <a:gd name="connsiteX12" fmla="*/ 221581 w 1254918"/>
                    <a:gd name="connsiteY12" fmla="*/ 563999 h 2836933"/>
                    <a:gd name="connsiteX13" fmla="*/ 141302 w 1254918"/>
                    <a:gd name="connsiteY13" fmla="*/ 1166781 h 2836933"/>
                    <a:gd name="connsiteX14" fmla="*/ 101373 w 1254918"/>
                    <a:gd name="connsiteY14" fmla="*/ 2035519 h 2836933"/>
                    <a:gd name="connsiteX15" fmla="*/ 2632 w 1254918"/>
                    <a:gd name="connsiteY15" fmla="*/ 701911 h 2836933"/>
                    <a:gd name="connsiteX16" fmla="*/ 298456 w 1254918"/>
                    <a:gd name="connsiteY16" fmla="*/ 44153 h 2836933"/>
                    <a:gd name="connsiteX0" fmla="*/ 397504 w 1257212"/>
                    <a:gd name="connsiteY0" fmla="*/ 1 h 2836933"/>
                    <a:gd name="connsiteX1" fmla="*/ 953658 w 1257212"/>
                    <a:gd name="connsiteY1" fmla="*/ 125167 h 2836933"/>
                    <a:gd name="connsiteX2" fmla="*/ 1253452 w 1257212"/>
                    <a:gd name="connsiteY2" fmla="*/ 952869 h 2836933"/>
                    <a:gd name="connsiteX3" fmla="*/ 1049500 w 1257212"/>
                    <a:gd name="connsiteY3" fmla="*/ 1974625 h 2836933"/>
                    <a:gd name="connsiteX4" fmla="*/ 1003950 w 1257212"/>
                    <a:gd name="connsiteY4" fmla="*/ 999620 h 2836933"/>
                    <a:gd name="connsiteX5" fmla="*/ 940562 w 1257212"/>
                    <a:gd name="connsiteY5" fmla="*/ 628451 h 2836933"/>
                    <a:gd name="connsiteX6" fmla="*/ 926142 w 1257212"/>
                    <a:gd name="connsiteY6" fmla="*/ 2643188 h 2836933"/>
                    <a:gd name="connsiteX7" fmla="*/ 583242 w 1257212"/>
                    <a:gd name="connsiteY7" fmla="*/ 2614613 h 2836933"/>
                    <a:gd name="connsiteX8" fmla="*/ 597530 w 1257212"/>
                    <a:gd name="connsiteY8" fmla="*/ 1385888 h 2836933"/>
                    <a:gd name="connsiteX9" fmla="*/ 568954 w 1257212"/>
                    <a:gd name="connsiteY9" fmla="*/ 2686051 h 2836933"/>
                    <a:gd name="connsiteX10" fmla="*/ 240342 w 1257212"/>
                    <a:gd name="connsiteY10" fmla="*/ 2586038 h 2836933"/>
                    <a:gd name="connsiteX11" fmla="*/ 217562 w 1257212"/>
                    <a:gd name="connsiteY11" fmla="*/ 1301107 h 2836933"/>
                    <a:gd name="connsiteX12" fmla="*/ 223875 w 1257212"/>
                    <a:gd name="connsiteY12" fmla="*/ 563999 h 2836933"/>
                    <a:gd name="connsiteX13" fmla="*/ 143596 w 1257212"/>
                    <a:gd name="connsiteY13" fmla="*/ 1166781 h 2836933"/>
                    <a:gd name="connsiteX14" fmla="*/ 103667 w 1257212"/>
                    <a:gd name="connsiteY14" fmla="*/ 2035519 h 2836933"/>
                    <a:gd name="connsiteX15" fmla="*/ 4926 w 1257212"/>
                    <a:gd name="connsiteY15" fmla="*/ 701911 h 2836933"/>
                    <a:gd name="connsiteX16" fmla="*/ 300750 w 1257212"/>
                    <a:gd name="connsiteY16" fmla="*/ 44153 h 2836933"/>
                    <a:gd name="connsiteX0" fmla="*/ 394532 w 1254240"/>
                    <a:gd name="connsiteY0" fmla="*/ 1 h 2836933"/>
                    <a:gd name="connsiteX1" fmla="*/ 950686 w 1254240"/>
                    <a:gd name="connsiteY1" fmla="*/ 125167 h 2836933"/>
                    <a:gd name="connsiteX2" fmla="*/ 1250480 w 1254240"/>
                    <a:gd name="connsiteY2" fmla="*/ 952869 h 2836933"/>
                    <a:gd name="connsiteX3" fmla="*/ 1046528 w 1254240"/>
                    <a:gd name="connsiteY3" fmla="*/ 1974625 h 2836933"/>
                    <a:gd name="connsiteX4" fmla="*/ 1000978 w 1254240"/>
                    <a:gd name="connsiteY4" fmla="*/ 999620 h 2836933"/>
                    <a:gd name="connsiteX5" fmla="*/ 937590 w 1254240"/>
                    <a:gd name="connsiteY5" fmla="*/ 628451 h 2836933"/>
                    <a:gd name="connsiteX6" fmla="*/ 923170 w 1254240"/>
                    <a:gd name="connsiteY6" fmla="*/ 2643188 h 2836933"/>
                    <a:gd name="connsiteX7" fmla="*/ 580270 w 1254240"/>
                    <a:gd name="connsiteY7" fmla="*/ 2614613 h 2836933"/>
                    <a:gd name="connsiteX8" fmla="*/ 594558 w 1254240"/>
                    <a:gd name="connsiteY8" fmla="*/ 1385888 h 2836933"/>
                    <a:gd name="connsiteX9" fmla="*/ 565982 w 1254240"/>
                    <a:gd name="connsiteY9" fmla="*/ 2686051 h 2836933"/>
                    <a:gd name="connsiteX10" fmla="*/ 237370 w 1254240"/>
                    <a:gd name="connsiteY10" fmla="*/ 2586038 h 2836933"/>
                    <a:gd name="connsiteX11" fmla="*/ 214590 w 1254240"/>
                    <a:gd name="connsiteY11" fmla="*/ 1301107 h 2836933"/>
                    <a:gd name="connsiteX12" fmla="*/ 220903 w 1254240"/>
                    <a:gd name="connsiteY12" fmla="*/ 563999 h 2836933"/>
                    <a:gd name="connsiteX13" fmla="*/ 140624 w 1254240"/>
                    <a:gd name="connsiteY13" fmla="*/ 1166781 h 2836933"/>
                    <a:gd name="connsiteX14" fmla="*/ 192825 w 1254240"/>
                    <a:gd name="connsiteY14" fmla="*/ 1911840 h 2836933"/>
                    <a:gd name="connsiteX15" fmla="*/ 1954 w 1254240"/>
                    <a:gd name="connsiteY15" fmla="*/ 701911 h 2836933"/>
                    <a:gd name="connsiteX16" fmla="*/ 297778 w 1254240"/>
                    <a:gd name="connsiteY16" fmla="*/ 44153 h 2836933"/>
                    <a:gd name="connsiteX0" fmla="*/ 394031 w 1253739"/>
                    <a:gd name="connsiteY0" fmla="*/ 1 h 2836933"/>
                    <a:gd name="connsiteX1" fmla="*/ 950185 w 1253739"/>
                    <a:gd name="connsiteY1" fmla="*/ 125167 h 2836933"/>
                    <a:gd name="connsiteX2" fmla="*/ 1249979 w 1253739"/>
                    <a:gd name="connsiteY2" fmla="*/ 952869 h 2836933"/>
                    <a:gd name="connsiteX3" fmla="*/ 1046027 w 1253739"/>
                    <a:gd name="connsiteY3" fmla="*/ 1974625 h 2836933"/>
                    <a:gd name="connsiteX4" fmla="*/ 1000477 w 1253739"/>
                    <a:gd name="connsiteY4" fmla="*/ 999620 h 2836933"/>
                    <a:gd name="connsiteX5" fmla="*/ 937089 w 1253739"/>
                    <a:gd name="connsiteY5" fmla="*/ 628451 h 2836933"/>
                    <a:gd name="connsiteX6" fmla="*/ 922669 w 1253739"/>
                    <a:gd name="connsiteY6" fmla="*/ 2643188 h 2836933"/>
                    <a:gd name="connsiteX7" fmla="*/ 579769 w 1253739"/>
                    <a:gd name="connsiteY7" fmla="*/ 2614613 h 2836933"/>
                    <a:gd name="connsiteX8" fmla="*/ 594057 w 1253739"/>
                    <a:gd name="connsiteY8" fmla="*/ 1385888 h 2836933"/>
                    <a:gd name="connsiteX9" fmla="*/ 565481 w 1253739"/>
                    <a:gd name="connsiteY9" fmla="*/ 2686051 h 2836933"/>
                    <a:gd name="connsiteX10" fmla="*/ 236869 w 1253739"/>
                    <a:gd name="connsiteY10" fmla="*/ 2586038 h 2836933"/>
                    <a:gd name="connsiteX11" fmla="*/ 214089 w 1253739"/>
                    <a:gd name="connsiteY11" fmla="*/ 1301107 h 2836933"/>
                    <a:gd name="connsiteX12" fmla="*/ 220402 w 1253739"/>
                    <a:gd name="connsiteY12" fmla="*/ 563999 h 2836933"/>
                    <a:gd name="connsiteX13" fmla="*/ 158549 w 1253739"/>
                    <a:gd name="connsiteY13" fmla="*/ 1043102 h 2836933"/>
                    <a:gd name="connsiteX14" fmla="*/ 192324 w 1253739"/>
                    <a:gd name="connsiteY14" fmla="*/ 1911840 h 2836933"/>
                    <a:gd name="connsiteX15" fmla="*/ 1453 w 1253739"/>
                    <a:gd name="connsiteY15" fmla="*/ 701911 h 2836933"/>
                    <a:gd name="connsiteX16" fmla="*/ 297277 w 1253739"/>
                    <a:gd name="connsiteY16" fmla="*/ 44153 h 2836933"/>
                    <a:gd name="connsiteX0" fmla="*/ 394031 w 1253739"/>
                    <a:gd name="connsiteY0" fmla="*/ 1 h 2836933"/>
                    <a:gd name="connsiteX1" fmla="*/ 950185 w 1253739"/>
                    <a:gd name="connsiteY1" fmla="*/ 125167 h 2836933"/>
                    <a:gd name="connsiteX2" fmla="*/ 1249979 w 1253739"/>
                    <a:gd name="connsiteY2" fmla="*/ 952869 h 2836933"/>
                    <a:gd name="connsiteX3" fmla="*/ 1046027 w 1253739"/>
                    <a:gd name="connsiteY3" fmla="*/ 1974625 h 2836933"/>
                    <a:gd name="connsiteX4" fmla="*/ 1000477 w 1253739"/>
                    <a:gd name="connsiteY4" fmla="*/ 999620 h 2836933"/>
                    <a:gd name="connsiteX5" fmla="*/ 937089 w 1253739"/>
                    <a:gd name="connsiteY5" fmla="*/ 628451 h 2836933"/>
                    <a:gd name="connsiteX6" fmla="*/ 922669 w 1253739"/>
                    <a:gd name="connsiteY6" fmla="*/ 2643188 h 2836933"/>
                    <a:gd name="connsiteX7" fmla="*/ 579769 w 1253739"/>
                    <a:gd name="connsiteY7" fmla="*/ 2614613 h 2836933"/>
                    <a:gd name="connsiteX8" fmla="*/ 594057 w 1253739"/>
                    <a:gd name="connsiteY8" fmla="*/ 1385888 h 2836933"/>
                    <a:gd name="connsiteX9" fmla="*/ 565481 w 1253739"/>
                    <a:gd name="connsiteY9" fmla="*/ 2686051 h 2836933"/>
                    <a:gd name="connsiteX10" fmla="*/ 236869 w 1253739"/>
                    <a:gd name="connsiteY10" fmla="*/ 2586038 h 2836933"/>
                    <a:gd name="connsiteX11" fmla="*/ 214089 w 1253739"/>
                    <a:gd name="connsiteY11" fmla="*/ 1301107 h 2836933"/>
                    <a:gd name="connsiteX12" fmla="*/ 220402 w 1253739"/>
                    <a:gd name="connsiteY12" fmla="*/ 563999 h 2836933"/>
                    <a:gd name="connsiteX13" fmla="*/ 158549 w 1253739"/>
                    <a:gd name="connsiteY13" fmla="*/ 1043102 h 2836933"/>
                    <a:gd name="connsiteX14" fmla="*/ 192324 w 1253739"/>
                    <a:gd name="connsiteY14" fmla="*/ 1911840 h 2836933"/>
                    <a:gd name="connsiteX15" fmla="*/ 1453 w 1253739"/>
                    <a:gd name="connsiteY15" fmla="*/ 701911 h 2836933"/>
                    <a:gd name="connsiteX16" fmla="*/ 297277 w 1253739"/>
                    <a:gd name="connsiteY16" fmla="*/ 44153 h 2836933"/>
                    <a:gd name="connsiteX0" fmla="*/ 394571 w 1254279"/>
                    <a:gd name="connsiteY0" fmla="*/ 1 h 2836933"/>
                    <a:gd name="connsiteX1" fmla="*/ 950725 w 1254279"/>
                    <a:gd name="connsiteY1" fmla="*/ 125167 h 2836933"/>
                    <a:gd name="connsiteX2" fmla="*/ 1250519 w 1254279"/>
                    <a:gd name="connsiteY2" fmla="*/ 952869 h 2836933"/>
                    <a:gd name="connsiteX3" fmla="*/ 1046567 w 1254279"/>
                    <a:gd name="connsiteY3" fmla="*/ 1974625 h 2836933"/>
                    <a:gd name="connsiteX4" fmla="*/ 1001017 w 1254279"/>
                    <a:gd name="connsiteY4" fmla="*/ 999620 h 2836933"/>
                    <a:gd name="connsiteX5" fmla="*/ 937629 w 1254279"/>
                    <a:gd name="connsiteY5" fmla="*/ 628451 h 2836933"/>
                    <a:gd name="connsiteX6" fmla="*/ 923209 w 1254279"/>
                    <a:gd name="connsiteY6" fmla="*/ 2643188 h 2836933"/>
                    <a:gd name="connsiteX7" fmla="*/ 580309 w 1254279"/>
                    <a:gd name="connsiteY7" fmla="*/ 2614613 h 2836933"/>
                    <a:gd name="connsiteX8" fmla="*/ 594597 w 1254279"/>
                    <a:gd name="connsiteY8" fmla="*/ 1385888 h 2836933"/>
                    <a:gd name="connsiteX9" fmla="*/ 566021 w 1254279"/>
                    <a:gd name="connsiteY9" fmla="*/ 2686051 h 2836933"/>
                    <a:gd name="connsiteX10" fmla="*/ 237409 w 1254279"/>
                    <a:gd name="connsiteY10" fmla="*/ 2586038 h 2836933"/>
                    <a:gd name="connsiteX11" fmla="*/ 214629 w 1254279"/>
                    <a:gd name="connsiteY11" fmla="*/ 1301107 h 2836933"/>
                    <a:gd name="connsiteX12" fmla="*/ 220942 w 1254279"/>
                    <a:gd name="connsiteY12" fmla="*/ 563999 h 2836933"/>
                    <a:gd name="connsiteX13" fmla="*/ 159089 w 1254279"/>
                    <a:gd name="connsiteY13" fmla="*/ 1043102 h 2836933"/>
                    <a:gd name="connsiteX14" fmla="*/ 192864 w 1254279"/>
                    <a:gd name="connsiteY14" fmla="*/ 1911840 h 2836933"/>
                    <a:gd name="connsiteX15" fmla="*/ 1993 w 1254279"/>
                    <a:gd name="connsiteY15" fmla="*/ 701911 h 2836933"/>
                    <a:gd name="connsiteX16" fmla="*/ 297817 w 1254279"/>
                    <a:gd name="connsiteY16" fmla="*/ 44153 h 2836933"/>
                    <a:gd name="connsiteX0" fmla="*/ 396361 w 1256069"/>
                    <a:gd name="connsiteY0" fmla="*/ 1 h 2836933"/>
                    <a:gd name="connsiteX1" fmla="*/ 952515 w 1256069"/>
                    <a:gd name="connsiteY1" fmla="*/ 125167 h 2836933"/>
                    <a:gd name="connsiteX2" fmla="*/ 1252309 w 1256069"/>
                    <a:gd name="connsiteY2" fmla="*/ 952869 h 2836933"/>
                    <a:gd name="connsiteX3" fmla="*/ 1048357 w 1256069"/>
                    <a:gd name="connsiteY3" fmla="*/ 1974625 h 2836933"/>
                    <a:gd name="connsiteX4" fmla="*/ 1002807 w 1256069"/>
                    <a:gd name="connsiteY4" fmla="*/ 999620 h 2836933"/>
                    <a:gd name="connsiteX5" fmla="*/ 939419 w 1256069"/>
                    <a:gd name="connsiteY5" fmla="*/ 628451 h 2836933"/>
                    <a:gd name="connsiteX6" fmla="*/ 924999 w 1256069"/>
                    <a:gd name="connsiteY6" fmla="*/ 2643188 h 2836933"/>
                    <a:gd name="connsiteX7" fmla="*/ 582099 w 1256069"/>
                    <a:gd name="connsiteY7" fmla="*/ 2614613 h 2836933"/>
                    <a:gd name="connsiteX8" fmla="*/ 596387 w 1256069"/>
                    <a:gd name="connsiteY8" fmla="*/ 1385888 h 2836933"/>
                    <a:gd name="connsiteX9" fmla="*/ 567811 w 1256069"/>
                    <a:gd name="connsiteY9" fmla="*/ 2686051 h 2836933"/>
                    <a:gd name="connsiteX10" fmla="*/ 239199 w 1256069"/>
                    <a:gd name="connsiteY10" fmla="*/ 2586038 h 2836933"/>
                    <a:gd name="connsiteX11" fmla="*/ 216419 w 1256069"/>
                    <a:gd name="connsiteY11" fmla="*/ 1301107 h 2836933"/>
                    <a:gd name="connsiteX12" fmla="*/ 222732 w 1256069"/>
                    <a:gd name="connsiteY12" fmla="*/ 563999 h 2836933"/>
                    <a:gd name="connsiteX13" fmla="*/ 160879 w 1256069"/>
                    <a:gd name="connsiteY13" fmla="*/ 1043102 h 2836933"/>
                    <a:gd name="connsiteX14" fmla="*/ 194654 w 1256069"/>
                    <a:gd name="connsiteY14" fmla="*/ 1911840 h 2836933"/>
                    <a:gd name="connsiteX15" fmla="*/ 3783 w 1256069"/>
                    <a:gd name="connsiteY15" fmla="*/ 701911 h 2836933"/>
                    <a:gd name="connsiteX16" fmla="*/ 299607 w 1256069"/>
                    <a:gd name="connsiteY16" fmla="*/ 44153 h 2836933"/>
                    <a:gd name="connsiteX0" fmla="*/ 394176 w 1253884"/>
                    <a:gd name="connsiteY0" fmla="*/ 1 h 2836933"/>
                    <a:gd name="connsiteX1" fmla="*/ 950330 w 1253884"/>
                    <a:gd name="connsiteY1" fmla="*/ 125167 h 2836933"/>
                    <a:gd name="connsiteX2" fmla="*/ 1250124 w 1253884"/>
                    <a:gd name="connsiteY2" fmla="*/ 952869 h 2836933"/>
                    <a:gd name="connsiteX3" fmla="*/ 1046172 w 1253884"/>
                    <a:gd name="connsiteY3" fmla="*/ 1974625 h 2836933"/>
                    <a:gd name="connsiteX4" fmla="*/ 1000622 w 1253884"/>
                    <a:gd name="connsiteY4" fmla="*/ 999620 h 2836933"/>
                    <a:gd name="connsiteX5" fmla="*/ 937234 w 1253884"/>
                    <a:gd name="connsiteY5" fmla="*/ 628451 h 2836933"/>
                    <a:gd name="connsiteX6" fmla="*/ 922814 w 1253884"/>
                    <a:gd name="connsiteY6" fmla="*/ 2643188 h 2836933"/>
                    <a:gd name="connsiteX7" fmla="*/ 579914 w 1253884"/>
                    <a:gd name="connsiteY7" fmla="*/ 2614613 h 2836933"/>
                    <a:gd name="connsiteX8" fmla="*/ 594202 w 1253884"/>
                    <a:gd name="connsiteY8" fmla="*/ 1385888 h 2836933"/>
                    <a:gd name="connsiteX9" fmla="*/ 565626 w 1253884"/>
                    <a:gd name="connsiteY9" fmla="*/ 2686051 h 2836933"/>
                    <a:gd name="connsiteX10" fmla="*/ 237014 w 1253884"/>
                    <a:gd name="connsiteY10" fmla="*/ 2586038 h 2836933"/>
                    <a:gd name="connsiteX11" fmla="*/ 214234 w 1253884"/>
                    <a:gd name="connsiteY11" fmla="*/ 1301107 h 2836933"/>
                    <a:gd name="connsiteX12" fmla="*/ 220547 w 1253884"/>
                    <a:gd name="connsiteY12" fmla="*/ 563999 h 2836933"/>
                    <a:gd name="connsiteX13" fmla="*/ 158694 w 1253884"/>
                    <a:gd name="connsiteY13" fmla="*/ 1043102 h 2836933"/>
                    <a:gd name="connsiteX14" fmla="*/ 192469 w 1253884"/>
                    <a:gd name="connsiteY14" fmla="*/ 1911840 h 2836933"/>
                    <a:gd name="connsiteX15" fmla="*/ 1598 w 1253884"/>
                    <a:gd name="connsiteY15" fmla="*/ 701911 h 2836933"/>
                    <a:gd name="connsiteX16" fmla="*/ 297422 w 1253884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1043102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1043102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130 w 1262838"/>
                    <a:gd name="connsiteY0" fmla="*/ 1 h 2836933"/>
                    <a:gd name="connsiteX1" fmla="*/ 959284 w 1262838"/>
                    <a:gd name="connsiteY1" fmla="*/ 125167 h 2836933"/>
                    <a:gd name="connsiteX2" fmla="*/ 1259078 w 1262838"/>
                    <a:gd name="connsiteY2" fmla="*/ 952869 h 2836933"/>
                    <a:gd name="connsiteX3" fmla="*/ 1055126 w 1262838"/>
                    <a:gd name="connsiteY3" fmla="*/ 1974625 h 2836933"/>
                    <a:gd name="connsiteX4" fmla="*/ 1009576 w 1262838"/>
                    <a:gd name="connsiteY4" fmla="*/ 999620 h 2836933"/>
                    <a:gd name="connsiteX5" fmla="*/ 946188 w 1262838"/>
                    <a:gd name="connsiteY5" fmla="*/ 628451 h 2836933"/>
                    <a:gd name="connsiteX6" fmla="*/ 931768 w 1262838"/>
                    <a:gd name="connsiteY6" fmla="*/ 2643188 h 2836933"/>
                    <a:gd name="connsiteX7" fmla="*/ 588868 w 1262838"/>
                    <a:gd name="connsiteY7" fmla="*/ 2614613 h 2836933"/>
                    <a:gd name="connsiteX8" fmla="*/ 603156 w 1262838"/>
                    <a:gd name="connsiteY8" fmla="*/ 1385888 h 2836933"/>
                    <a:gd name="connsiteX9" fmla="*/ 574580 w 1262838"/>
                    <a:gd name="connsiteY9" fmla="*/ 2686051 h 2836933"/>
                    <a:gd name="connsiteX10" fmla="*/ 245968 w 1262838"/>
                    <a:gd name="connsiteY10" fmla="*/ 2586038 h 2836933"/>
                    <a:gd name="connsiteX11" fmla="*/ 223188 w 1262838"/>
                    <a:gd name="connsiteY11" fmla="*/ 1301107 h 2836933"/>
                    <a:gd name="connsiteX12" fmla="*/ 229501 w 1262838"/>
                    <a:gd name="connsiteY12" fmla="*/ 563999 h 2836933"/>
                    <a:gd name="connsiteX13" fmla="*/ 167648 w 1262838"/>
                    <a:gd name="connsiteY13" fmla="*/ 1043102 h 2836933"/>
                    <a:gd name="connsiteX14" fmla="*/ 201423 w 1262838"/>
                    <a:gd name="connsiteY14" fmla="*/ 1911840 h 2836933"/>
                    <a:gd name="connsiteX15" fmla="*/ 1339 w 1262838"/>
                    <a:gd name="connsiteY15" fmla="*/ 918348 h 2836933"/>
                    <a:gd name="connsiteX16" fmla="*/ 306376 w 1262838"/>
                    <a:gd name="connsiteY16" fmla="*/ 44153 h 2836933"/>
                    <a:gd name="connsiteX0" fmla="*/ 403188 w 1262896"/>
                    <a:gd name="connsiteY0" fmla="*/ 1 h 2836933"/>
                    <a:gd name="connsiteX1" fmla="*/ 959342 w 1262896"/>
                    <a:gd name="connsiteY1" fmla="*/ 125167 h 2836933"/>
                    <a:gd name="connsiteX2" fmla="*/ 1259136 w 1262896"/>
                    <a:gd name="connsiteY2" fmla="*/ 952869 h 2836933"/>
                    <a:gd name="connsiteX3" fmla="*/ 1055184 w 1262896"/>
                    <a:gd name="connsiteY3" fmla="*/ 1974625 h 2836933"/>
                    <a:gd name="connsiteX4" fmla="*/ 1009634 w 1262896"/>
                    <a:gd name="connsiteY4" fmla="*/ 999620 h 2836933"/>
                    <a:gd name="connsiteX5" fmla="*/ 946246 w 1262896"/>
                    <a:gd name="connsiteY5" fmla="*/ 628451 h 2836933"/>
                    <a:gd name="connsiteX6" fmla="*/ 931826 w 1262896"/>
                    <a:gd name="connsiteY6" fmla="*/ 2643188 h 2836933"/>
                    <a:gd name="connsiteX7" fmla="*/ 588926 w 1262896"/>
                    <a:gd name="connsiteY7" fmla="*/ 2614613 h 2836933"/>
                    <a:gd name="connsiteX8" fmla="*/ 603214 w 1262896"/>
                    <a:gd name="connsiteY8" fmla="*/ 1385888 h 2836933"/>
                    <a:gd name="connsiteX9" fmla="*/ 574638 w 1262896"/>
                    <a:gd name="connsiteY9" fmla="*/ 2686051 h 2836933"/>
                    <a:gd name="connsiteX10" fmla="*/ 246026 w 1262896"/>
                    <a:gd name="connsiteY10" fmla="*/ 2586038 h 2836933"/>
                    <a:gd name="connsiteX11" fmla="*/ 223246 w 1262896"/>
                    <a:gd name="connsiteY11" fmla="*/ 1301107 h 2836933"/>
                    <a:gd name="connsiteX12" fmla="*/ 229559 w 1262896"/>
                    <a:gd name="connsiteY12" fmla="*/ 563999 h 2836933"/>
                    <a:gd name="connsiteX13" fmla="*/ 167706 w 1262896"/>
                    <a:gd name="connsiteY13" fmla="*/ 919423 h 2836933"/>
                    <a:gd name="connsiteX14" fmla="*/ 201481 w 1262896"/>
                    <a:gd name="connsiteY14" fmla="*/ 1911840 h 2836933"/>
                    <a:gd name="connsiteX15" fmla="*/ 1397 w 1262896"/>
                    <a:gd name="connsiteY15" fmla="*/ 918348 h 2836933"/>
                    <a:gd name="connsiteX16" fmla="*/ 306434 w 1262896"/>
                    <a:gd name="connsiteY16" fmla="*/ 44153 h 2836933"/>
                    <a:gd name="connsiteX0" fmla="*/ 403323 w 1263031"/>
                    <a:gd name="connsiteY0" fmla="*/ 1 h 2836933"/>
                    <a:gd name="connsiteX1" fmla="*/ 959477 w 1263031"/>
                    <a:gd name="connsiteY1" fmla="*/ 125167 h 2836933"/>
                    <a:gd name="connsiteX2" fmla="*/ 1259271 w 1263031"/>
                    <a:gd name="connsiteY2" fmla="*/ 952869 h 2836933"/>
                    <a:gd name="connsiteX3" fmla="*/ 1055319 w 1263031"/>
                    <a:gd name="connsiteY3" fmla="*/ 1974625 h 2836933"/>
                    <a:gd name="connsiteX4" fmla="*/ 1009769 w 1263031"/>
                    <a:gd name="connsiteY4" fmla="*/ 999620 h 2836933"/>
                    <a:gd name="connsiteX5" fmla="*/ 946381 w 1263031"/>
                    <a:gd name="connsiteY5" fmla="*/ 628451 h 2836933"/>
                    <a:gd name="connsiteX6" fmla="*/ 931961 w 1263031"/>
                    <a:gd name="connsiteY6" fmla="*/ 2643188 h 2836933"/>
                    <a:gd name="connsiteX7" fmla="*/ 589061 w 1263031"/>
                    <a:gd name="connsiteY7" fmla="*/ 2614613 h 2836933"/>
                    <a:gd name="connsiteX8" fmla="*/ 603349 w 1263031"/>
                    <a:gd name="connsiteY8" fmla="*/ 1385888 h 2836933"/>
                    <a:gd name="connsiteX9" fmla="*/ 574773 w 1263031"/>
                    <a:gd name="connsiteY9" fmla="*/ 2686051 h 2836933"/>
                    <a:gd name="connsiteX10" fmla="*/ 246161 w 1263031"/>
                    <a:gd name="connsiteY10" fmla="*/ 2586038 h 2836933"/>
                    <a:gd name="connsiteX11" fmla="*/ 223381 w 1263031"/>
                    <a:gd name="connsiteY11" fmla="*/ 1301107 h 2836933"/>
                    <a:gd name="connsiteX12" fmla="*/ 229694 w 1263031"/>
                    <a:gd name="connsiteY12" fmla="*/ 563999 h 2836933"/>
                    <a:gd name="connsiteX13" fmla="*/ 167841 w 1263031"/>
                    <a:gd name="connsiteY13" fmla="*/ 919423 h 2836933"/>
                    <a:gd name="connsiteX14" fmla="*/ 201616 w 1263031"/>
                    <a:gd name="connsiteY14" fmla="*/ 1911840 h 2836933"/>
                    <a:gd name="connsiteX15" fmla="*/ 1532 w 1263031"/>
                    <a:gd name="connsiteY15" fmla="*/ 918348 h 2836933"/>
                    <a:gd name="connsiteX16" fmla="*/ 306569 w 1263031"/>
                    <a:gd name="connsiteY16" fmla="*/ 44153 h 2836933"/>
                    <a:gd name="connsiteX0" fmla="*/ 403252 w 1262960"/>
                    <a:gd name="connsiteY0" fmla="*/ 1 h 2836933"/>
                    <a:gd name="connsiteX1" fmla="*/ 959406 w 1262960"/>
                    <a:gd name="connsiteY1" fmla="*/ 125167 h 2836933"/>
                    <a:gd name="connsiteX2" fmla="*/ 1259200 w 1262960"/>
                    <a:gd name="connsiteY2" fmla="*/ 952869 h 2836933"/>
                    <a:gd name="connsiteX3" fmla="*/ 1055248 w 1262960"/>
                    <a:gd name="connsiteY3" fmla="*/ 1974625 h 2836933"/>
                    <a:gd name="connsiteX4" fmla="*/ 1009698 w 1262960"/>
                    <a:gd name="connsiteY4" fmla="*/ 999620 h 2836933"/>
                    <a:gd name="connsiteX5" fmla="*/ 946310 w 1262960"/>
                    <a:gd name="connsiteY5" fmla="*/ 628451 h 2836933"/>
                    <a:gd name="connsiteX6" fmla="*/ 931890 w 1262960"/>
                    <a:gd name="connsiteY6" fmla="*/ 2643188 h 2836933"/>
                    <a:gd name="connsiteX7" fmla="*/ 588990 w 1262960"/>
                    <a:gd name="connsiteY7" fmla="*/ 2614613 h 2836933"/>
                    <a:gd name="connsiteX8" fmla="*/ 603278 w 1262960"/>
                    <a:gd name="connsiteY8" fmla="*/ 1385888 h 2836933"/>
                    <a:gd name="connsiteX9" fmla="*/ 574702 w 1262960"/>
                    <a:gd name="connsiteY9" fmla="*/ 2686051 h 2836933"/>
                    <a:gd name="connsiteX10" fmla="*/ 246090 w 1262960"/>
                    <a:gd name="connsiteY10" fmla="*/ 2586038 h 2836933"/>
                    <a:gd name="connsiteX11" fmla="*/ 223310 w 1262960"/>
                    <a:gd name="connsiteY11" fmla="*/ 1301107 h 2836933"/>
                    <a:gd name="connsiteX12" fmla="*/ 229623 w 1262960"/>
                    <a:gd name="connsiteY12" fmla="*/ 563999 h 2836933"/>
                    <a:gd name="connsiteX13" fmla="*/ 167770 w 1262960"/>
                    <a:gd name="connsiteY13" fmla="*/ 919423 h 2836933"/>
                    <a:gd name="connsiteX14" fmla="*/ 210757 w 1262960"/>
                    <a:gd name="connsiteY14" fmla="*/ 1757240 h 2836933"/>
                    <a:gd name="connsiteX15" fmla="*/ 1461 w 1262960"/>
                    <a:gd name="connsiteY15" fmla="*/ 918348 h 2836933"/>
                    <a:gd name="connsiteX16" fmla="*/ 306498 w 1262960"/>
                    <a:gd name="connsiteY16" fmla="*/ 44153 h 2836933"/>
                    <a:gd name="connsiteX0" fmla="*/ 458170 w 1317878"/>
                    <a:gd name="connsiteY0" fmla="*/ 1 h 2836933"/>
                    <a:gd name="connsiteX1" fmla="*/ 1014324 w 1317878"/>
                    <a:gd name="connsiteY1" fmla="*/ 125167 h 2836933"/>
                    <a:gd name="connsiteX2" fmla="*/ 1314118 w 1317878"/>
                    <a:gd name="connsiteY2" fmla="*/ 952869 h 2836933"/>
                    <a:gd name="connsiteX3" fmla="*/ 1110166 w 1317878"/>
                    <a:gd name="connsiteY3" fmla="*/ 1974625 h 2836933"/>
                    <a:gd name="connsiteX4" fmla="*/ 1064616 w 1317878"/>
                    <a:gd name="connsiteY4" fmla="*/ 999620 h 2836933"/>
                    <a:gd name="connsiteX5" fmla="*/ 1001228 w 1317878"/>
                    <a:gd name="connsiteY5" fmla="*/ 628451 h 2836933"/>
                    <a:gd name="connsiteX6" fmla="*/ 986808 w 1317878"/>
                    <a:gd name="connsiteY6" fmla="*/ 2643188 h 2836933"/>
                    <a:gd name="connsiteX7" fmla="*/ 643908 w 1317878"/>
                    <a:gd name="connsiteY7" fmla="*/ 2614613 h 2836933"/>
                    <a:gd name="connsiteX8" fmla="*/ 658196 w 1317878"/>
                    <a:gd name="connsiteY8" fmla="*/ 1385888 h 2836933"/>
                    <a:gd name="connsiteX9" fmla="*/ 629620 w 1317878"/>
                    <a:gd name="connsiteY9" fmla="*/ 2686051 h 2836933"/>
                    <a:gd name="connsiteX10" fmla="*/ 301008 w 1317878"/>
                    <a:gd name="connsiteY10" fmla="*/ 2586038 h 2836933"/>
                    <a:gd name="connsiteX11" fmla="*/ 278228 w 1317878"/>
                    <a:gd name="connsiteY11" fmla="*/ 1301107 h 2836933"/>
                    <a:gd name="connsiteX12" fmla="*/ 284541 w 1317878"/>
                    <a:gd name="connsiteY12" fmla="*/ 563999 h 2836933"/>
                    <a:gd name="connsiteX13" fmla="*/ 222688 w 1317878"/>
                    <a:gd name="connsiteY13" fmla="*/ 919423 h 2836933"/>
                    <a:gd name="connsiteX14" fmla="*/ 265675 w 1317878"/>
                    <a:gd name="connsiteY14" fmla="*/ 1757240 h 2836933"/>
                    <a:gd name="connsiteX15" fmla="*/ 1101 w 1317878"/>
                    <a:gd name="connsiteY15" fmla="*/ 949266 h 2836933"/>
                    <a:gd name="connsiteX16" fmla="*/ 361416 w 1317878"/>
                    <a:gd name="connsiteY16" fmla="*/ 44153 h 2836933"/>
                    <a:gd name="connsiteX0" fmla="*/ 430640 w 1290348"/>
                    <a:gd name="connsiteY0" fmla="*/ 1 h 2836933"/>
                    <a:gd name="connsiteX1" fmla="*/ 986794 w 1290348"/>
                    <a:gd name="connsiteY1" fmla="*/ 125167 h 2836933"/>
                    <a:gd name="connsiteX2" fmla="*/ 1286588 w 1290348"/>
                    <a:gd name="connsiteY2" fmla="*/ 952869 h 2836933"/>
                    <a:gd name="connsiteX3" fmla="*/ 1082636 w 1290348"/>
                    <a:gd name="connsiteY3" fmla="*/ 1974625 h 2836933"/>
                    <a:gd name="connsiteX4" fmla="*/ 1037086 w 1290348"/>
                    <a:gd name="connsiteY4" fmla="*/ 999620 h 2836933"/>
                    <a:gd name="connsiteX5" fmla="*/ 973698 w 1290348"/>
                    <a:gd name="connsiteY5" fmla="*/ 628451 h 2836933"/>
                    <a:gd name="connsiteX6" fmla="*/ 959278 w 1290348"/>
                    <a:gd name="connsiteY6" fmla="*/ 2643188 h 2836933"/>
                    <a:gd name="connsiteX7" fmla="*/ 616378 w 1290348"/>
                    <a:gd name="connsiteY7" fmla="*/ 2614613 h 2836933"/>
                    <a:gd name="connsiteX8" fmla="*/ 630666 w 1290348"/>
                    <a:gd name="connsiteY8" fmla="*/ 1385888 h 2836933"/>
                    <a:gd name="connsiteX9" fmla="*/ 602090 w 1290348"/>
                    <a:gd name="connsiteY9" fmla="*/ 2686051 h 2836933"/>
                    <a:gd name="connsiteX10" fmla="*/ 273478 w 1290348"/>
                    <a:gd name="connsiteY10" fmla="*/ 2586038 h 2836933"/>
                    <a:gd name="connsiteX11" fmla="*/ 250698 w 1290348"/>
                    <a:gd name="connsiteY11" fmla="*/ 1301107 h 2836933"/>
                    <a:gd name="connsiteX12" fmla="*/ 257011 w 1290348"/>
                    <a:gd name="connsiteY12" fmla="*/ 563999 h 2836933"/>
                    <a:gd name="connsiteX13" fmla="*/ 195158 w 1290348"/>
                    <a:gd name="connsiteY13" fmla="*/ 919423 h 2836933"/>
                    <a:gd name="connsiteX14" fmla="*/ 238145 w 1290348"/>
                    <a:gd name="connsiteY14" fmla="*/ 1757240 h 2836933"/>
                    <a:gd name="connsiteX15" fmla="*/ 1209 w 1290348"/>
                    <a:gd name="connsiteY15" fmla="*/ 949266 h 2836933"/>
                    <a:gd name="connsiteX16" fmla="*/ 333886 w 1290348"/>
                    <a:gd name="connsiteY16" fmla="*/ 44153 h 2836933"/>
                    <a:gd name="connsiteX0" fmla="*/ 430860 w 1290568"/>
                    <a:gd name="connsiteY0" fmla="*/ 1 h 2836933"/>
                    <a:gd name="connsiteX1" fmla="*/ 987014 w 1290568"/>
                    <a:gd name="connsiteY1" fmla="*/ 125167 h 2836933"/>
                    <a:gd name="connsiteX2" fmla="*/ 1286808 w 1290568"/>
                    <a:gd name="connsiteY2" fmla="*/ 952869 h 2836933"/>
                    <a:gd name="connsiteX3" fmla="*/ 1082856 w 1290568"/>
                    <a:gd name="connsiteY3" fmla="*/ 1974625 h 2836933"/>
                    <a:gd name="connsiteX4" fmla="*/ 1037306 w 1290568"/>
                    <a:gd name="connsiteY4" fmla="*/ 999620 h 2836933"/>
                    <a:gd name="connsiteX5" fmla="*/ 973918 w 1290568"/>
                    <a:gd name="connsiteY5" fmla="*/ 628451 h 2836933"/>
                    <a:gd name="connsiteX6" fmla="*/ 959498 w 1290568"/>
                    <a:gd name="connsiteY6" fmla="*/ 2643188 h 2836933"/>
                    <a:gd name="connsiteX7" fmla="*/ 616598 w 1290568"/>
                    <a:gd name="connsiteY7" fmla="*/ 2614613 h 2836933"/>
                    <a:gd name="connsiteX8" fmla="*/ 630886 w 1290568"/>
                    <a:gd name="connsiteY8" fmla="*/ 1385888 h 2836933"/>
                    <a:gd name="connsiteX9" fmla="*/ 602310 w 1290568"/>
                    <a:gd name="connsiteY9" fmla="*/ 2686051 h 2836933"/>
                    <a:gd name="connsiteX10" fmla="*/ 273698 w 1290568"/>
                    <a:gd name="connsiteY10" fmla="*/ 2586038 h 2836933"/>
                    <a:gd name="connsiteX11" fmla="*/ 250918 w 1290568"/>
                    <a:gd name="connsiteY11" fmla="*/ 1301107 h 2836933"/>
                    <a:gd name="connsiteX12" fmla="*/ 257231 w 1290568"/>
                    <a:gd name="connsiteY12" fmla="*/ 563999 h 2836933"/>
                    <a:gd name="connsiteX13" fmla="*/ 195378 w 1290568"/>
                    <a:gd name="connsiteY13" fmla="*/ 919423 h 2836933"/>
                    <a:gd name="connsiteX14" fmla="*/ 201513 w 1290568"/>
                    <a:gd name="connsiteY14" fmla="*/ 1757240 h 2836933"/>
                    <a:gd name="connsiteX15" fmla="*/ 1429 w 1290568"/>
                    <a:gd name="connsiteY15" fmla="*/ 949266 h 2836933"/>
                    <a:gd name="connsiteX16" fmla="*/ 334106 w 1290568"/>
                    <a:gd name="connsiteY16" fmla="*/ 44153 h 2836933"/>
                    <a:gd name="connsiteX0" fmla="*/ 431081 w 1290789"/>
                    <a:gd name="connsiteY0" fmla="*/ 1 h 2836933"/>
                    <a:gd name="connsiteX1" fmla="*/ 987235 w 1290789"/>
                    <a:gd name="connsiteY1" fmla="*/ 125167 h 2836933"/>
                    <a:gd name="connsiteX2" fmla="*/ 1287029 w 1290789"/>
                    <a:gd name="connsiteY2" fmla="*/ 952869 h 2836933"/>
                    <a:gd name="connsiteX3" fmla="*/ 1083077 w 1290789"/>
                    <a:gd name="connsiteY3" fmla="*/ 1974625 h 2836933"/>
                    <a:gd name="connsiteX4" fmla="*/ 1037527 w 1290789"/>
                    <a:gd name="connsiteY4" fmla="*/ 999620 h 2836933"/>
                    <a:gd name="connsiteX5" fmla="*/ 974139 w 1290789"/>
                    <a:gd name="connsiteY5" fmla="*/ 628451 h 2836933"/>
                    <a:gd name="connsiteX6" fmla="*/ 959719 w 1290789"/>
                    <a:gd name="connsiteY6" fmla="*/ 2643188 h 2836933"/>
                    <a:gd name="connsiteX7" fmla="*/ 616819 w 1290789"/>
                    <a:gd name="connsiteY7" fmla="*/ 2614613 h 2836933"/>
                    <a:gd name="connsiteX8" fmla="*/ 631107 w 1290789"/>
                    <a:gd name="connsiteY8" fmla="*/ 1385888 h 2836933"/>
                    <a:gd name="connsiteX9" fmla="*/ 602531 w 1290789"/>
                    <a:gd name="connsiteY9" fmla="*/ 2686051 h 2836933"/>
                    <a:gd name="connsiteX10" fmla="*/ 273919 w 1290789"/>
                    <a:gd name="connsiteY10" fmla="*/ 2586038 h 2836933"/>
                    <a:gd name="connsiteX11" fmla="*/ 251139 w 1290789"/>
                    <a:gd name="connsiteY11" fmla="*/ 1301107 h 2836933"/>
                    <a:gd name="connsiteX12" fmla="*/ 257452 w 1290789"/>
                    <a:gd name="connsiteY12" fmla="*/ 563999 h 2836933"/>
                    <a:gd name="connsiteX13" fmla="*/ 195599 w 1290789"/>
                    <a:gd name="connsiteY13" fmla="*/ 919423 h 2836933"/>
                    <a:gd name="connsiteX14" fmla="*/ 201734 w 1290789"/>
                    <a:gd name="connsiteY14" fmla="*/ 1757240 h 2836933"/>
                    <a:gd name="connsiteX15" fmla="*/ 1650 w 1290789"/>
                    <a:gd name="connsiteY15" fmla="*/ 949266 h 2836933"/>
                    <a:gd name="connsiteX16" fmla="*/ 334327 w 1290789"/>
                    <a:gd name="connsiteY16" fmla="*/ 44153 h 2836933"/>
                    <a:gd name="connsiteX0" fmla="*/ 431081 w 1290789"/>
                    <a:gd name="connsiteY0" fmla="*/ 1 h 2836933"/>
                    <a:gd name="connsiteX1" fmla="*/ 987235 w 1290789"/>
                    <a:gd name="connsiteY1" fmla="*/ 125167 h 2836933"/>
                    <a:gd name="connsiteX2" fmla="*/ 1287029 w 1290789"/>
                    <a:gd name="connsiteY2" fmla="*/ 952869 h 2836933"/>
                    <a:gd name="connsiteX3" fmla="*/ 1083077 w 1290789"/>
                    <a:gd name="connsiteY3" fmla="*/ 1974625 h 2836933"/>
                    <a:gd name="connsiteX4" fmla="*/ 1037527 w 1290789"/>
                    <a:gd name="connsiteY4" fmla="*/ 999620 h 2836933"/>
                    <a:gd name="connsiteX5" fmla="*/ 974139 w 1290789"/>
                    <a:gd name="connsiteY5" fmla="*/ 628451 h 2836933"/>
                    <a:gd name="connsiteX6" fmla="*/ 959719 w 1290789"/>
                    <a:gd name="connsiteY6" fmla="*/ 2643188 h 2836933"/>
                    <a:gd name="connsiteX7" fmla="*/ 616819 w 1290789"/>
                    <a:gd name="connsiteY7" fmla="*/ 2614613 h 2836933"/>
                    <a:gd name="connsiteX8" fmla="*/ 631107 w 1290789"/>
                    <a:gd name="connsiteY8" fmla="*/ 1385888 h 2836933"/>
                    <a:gd name="connsiteX9" fmla="*/ 602531 w 1290789"/>
                    <a:gd name="connsiteY9" fmla="*/ 2686051 h 2836933"/>
                    <a:gd name="connsiteX10" fmla="*/ 273919 w 1290789"/>
                    <a:gd name="connsiteY10" fmla="*/ 2586038 h 2836933"/>
                    <a:gd name="connsiteX11" fmla="*/ 251139 w 1290789"/>
                    <a:gd name="connsiteY11" fmla="*/ 1301107 h 2836933"/>
                    <a:gd name="connsiteX12" fmla="*/ 257452 w 1290789"/>
                    <a:gd name="connsiteY12" fmla="*/ 563999 h 2836933"/>
                    <a:gd name="connsiteX13" fmla="*/ 195599 w 1290789"/>
                    <a:gd name="connsiteY13" fmla="*/ 919423 h 2836933"/>
                    <a:gd name="connsiteX14" fmla="*/ 201734 w 1290789"/>
                    <a:gd name="connsiteY14" fmla="*/ 1757240 h 2836933"/>
                    <a:gd name="connsiteX15" fmla="*/ 1650 w 1290789"/>
                    <a:gd name="connsiteY15" fmla="*/ 949266 h 2836933"/>
                    <a:gd name="connsiteX16" fmla="*/ 408030 w 1290789"/>
                    <a:gd name="connsiteY16" fmla="*/ 13231 h 2836933"/>
                    <a:gd name="connsiteX0" fmla="*/ 431081 w 1290789"/>
                    <a:gd name="connsiteY0" fmla="*/ 1 h 2836933"/>
                    <a:gd name="connsiteX1" fmla="*/ 406357 w 1290789"/>
                    <a:gd name="connsiteY1" fmla="*/ 21745 h 2836933"/>
                    <a:gd name="connsiteX2" fmla="*/ 987235 w 1290789"/>
                    <a:gd name="connsiteY2" fmla="*/ 125167 h 2836933"/>
                    <a:gd name="connsiteX3" fmla="*/ 1287029 w 1290789"/>
                    <a:gd name="connsiteY3" fmla="*/ 952869 h 2836933"/>
                    <a:gd name="connsiteX4" fmla="*/ 1083077 w 1290789"/>
                    <a:gd name="connsiteY4" fmla="*/ 1974625 h 2836933"/>
                    <a:gd name="connsiteX5" fmla="*/ 1037527 w 1290789"/>
                    <a:gd name="connsiteY5" fmla="*/ 999620 h 2836933"/>
                    <a:gd name="connsiteX6" fmla="*/ 974139 w 1290789"/>
                    <a:gd name="connsiteY6" fmla="*/ 628451 h 2836933"/>
                    <a:gd name="connsiteX7" fmla="*/ 959719 w 1290789"/>
                    <a:gd name="connsiteY7" fmla="*/ 2643188 h 2836933"/>
                    <a:gd name="connsiteX8" fmla="*/ 616819 w 1290789"/>
                    <a:gd name="connsiteY8" fmla="*/ 2614613 h 2836933"/>
                    <a:gd name="connsiteX9" fmla="*/ 631107 w 1290789"/>
                    <a:gd name="connsiteY9" fmla="*/ 1385888 h 2836933"/>
                    <a:gd name="connsiteX10" fmla="*/ 602531 w 1290789"/>
                    <a:gd name="connsiteY10" fmla="*/ 2686051 h 2836933"/>
                    <a:gd name="connsiteX11" fmla="*/ 273919 w 1290789"/>
                    <a:gd name="connsiteY11" fmla="*/ 2586038 h 2836933"/>
                    <a:gd name="connsiteX12" fmla="*/ 251139 w 1290789"/>
                    <a:gd name="connsiteY12" fmla="*/ 1301107 h 2836933"/>
                    <a:gd name="connsiteX13" fmla="*/ 257452 w 1290789"/>
                    <a:gd name="connsiteY13" fmla="*/ 563999 h 2836933"/>
                    <a:gd name="connsiteX14" fmla="*/ 195599 w 1290789"/>
                    <a:gd name="connsiteY14" fmla="*/ 919423 h 2836933"/>
                    <a:gd name="connsiteX15" fmla="*/ 201734 w 1290789"/>
                    <a:gd name="connsiteY15" fmla="*/ 1757240 h 2836933"/>
                    <a:gd name="connsiteX16" fmla="*/ 1650 w 1290789"/>
                    <a:gd name="connsiteY16" fmla="*/ 949266 h 2836933"/>
                    <a:gd name="connsiteX17" fmla="*/ 408030 w 1290789"/>
                    <a:gd name="connsiteY17" fmla="*/ 13231 h 2836933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  <a:cxn ang="0">
                      <a:pos x="connsiteX5" y="connsiteY5"/>
                    </a:cxn>
                    <a:cxn ang="0">
                      <a:pos x="connsiteX6" y="connsiteY6"/>
                    </a:cxn>
                    <a:cxn ang="0">
                      <a:pos x="connsiteX7" y="connsiteY7"/>
                    </a:cxn>
                    <a:cxn ang="0">
                      <a:pos x="connsiteX8" y="connsiteY8"/>
                    </a:cxn>
                    <a:cxn ang="0">
                      <a:pos x="connsiteX9" y="connsiteY9"/>
                    </a:cxn>
                    <a:cxn ang="0">
                      <a:pos x="connsiteX10" y="connsiteY10"/>
                    </a:cxn>
                    <a:cxn ang="0">
                      <a:pos x="connsiteX11" y="connsiteY11"/>
                    </a:cxn>
                    <a:cxn ang="0">
                      <a:pos x="connsiteX12" y="connsiteY12"/>
                    </a:cxn>
                    <a:cxn ang="0">
                      <a:pos x="connsiteX13" y="connsiteY13"/>
                    </a:cxn>
                    <a:cxn ang="0">
                      <a:pos x="connsiteX14" y="connsiteY14"/>
                    </a:cxn>
                    <a:cxn ang="0">
                      <a:pos x="connsiteX15" y="connsiteY15"/>
                    </a:cxn>
                    <a:cxn ang="0">
                      <a:pos x="connsiteX16" y="connsiteY16"/>
                    </a:cxn>
                    <a:cxn ang="0">
                      <a:pos x="connsiteX17" y="connsiteY17"/>
                    </a:cxn>
                  </a:cxnLst>
                  <a:rect l="l" t="t" r="r" b="b"/>
                  <a:pathLst>
                    <a:path w="1290789" h="2836933">
                      <a:moveTo>
                        <a:pt x="431081" y="1"/>
                      </a:moveTo>
                      <a:cubicBezTo>
                        <a:pt x="439244" y="13931"/>
                        <a:pt x="313665" y="884"/>
                        <a:pt x="406357" y="21745"/>
                      </a:cubicBezTo>
                      <a:cubicBezTo>
                        <a:pt x="499049" y="42606"/>
                        <a:pt x="840456" y="-30020"/>
                        <a:pt x="987235" y="125167"/>
                      </a:cubicBezTo>
                      <a:cubicBezTo>
                        <a:pt x="1134014" y="280354"/>
                        <a:pt x="1271055" y="644626"/>
                        <a:pt x="1287029" y="952869"/>
                      </a:cubicBezTo>
                      <a:cubicBezTo>
                        <a:pt x="1303003" y="1261112"/>
                        <a:pt x="1274042" y="2085921"/>
                        <a:pt x="1083077" y="1974625"/>
                      </a:cubicBezTo>
                      <a:cubicBezTo>
                        <a:pt x="892112" y="1863329"/>
                        <a:pt x="1113077" y="1358111"/>
                        <a:pt x="1037527" y="999620"/>
                      </a:cubicBezTo>
                      <a:cubicBezTo>
                        <a:pt x="961977" y="641129"/>
                        <a:pt x="987107" y="354523"/>
                        <a:pt x="974139" y="628451"/>
                      </a:cubicBezTo>
                      <a:cubicBezTo>
                        <a:pt x="961171" y="902379"/>
                        <a:pt x="1019272" y="2312161"/>
                        <a:pt x="959719" y="2643188"/>
                      </a:cubicBezTo>
                      <a:cubicBezTo>
                        <a:pt x="900166" y="2974215"/>
                        <a:pt x="671588" y="2824163"/>
                        <a:pt x="616819" y="2614613"/>
                      </a:cubicBezTo>
                      <a:cubicBezTo>
                        <a:pt x="562050" y="2405063"/>
                        <a:pt x="633488" y="1373982"/>
                        <a:pt x="631107" y="1385888"/>
                      </a:cubicBezTo>
                      <a:cubicBezTo>
                        <a:pt x="628726" y="1397794"/>
                        <a:pt x="662062" y="2486026"/>
                        <a:pt x="602531" y="2686051"/>
                      </a:cubicBezTo>
                      <a:cubicBezTo>
                        <a:pt x="543000" y="2886076"/>
                        <a:pt x="332484" y="2816862"/>
                        <a:pt x="273919" y="2586038"/>
                      </a:cubicBezTo>
                      <a:cubicBezTo>
                        <a:pt x="215354" y="2355214"/>
                        <a:pt x="253883" y="1638113"/>
                        <a:pt x="251139" y="1301107"/>
                      </a:cubicBezTo>
                      <a:cubicBezTo>
                        <a:pt x="248395" y="964101"/>
                        <a:pt x="266709" y="627613"/>
                        <a:pt x="257452" y="563999"/>
                      </a:cubicBezTo>
                      <a:cubicBezTo>
                        <a:pt x="248195" y="500385"/>
                        <a:pt x="203350" y="710243"/>
                        <a:pt x="195599" y="919423"/>
                      </a:cubicBezTo>
                      <a:cubicBezTo>
                        <a:pt x="187848" y="1128603"/>
                        <a:pt x="261698" y="1597669"/>
                        <a:pt x="201734" y="1757240"/>
                      </a:cubicBezTo>
                      <a:cubicBezTo>
                        <a:pt x="141770" y="1916811"/>
                        <a:pt x="-17920" y="1976033"/>
                        <a:pt x="1650" y="949266"/>
                      </a:cubicBezTo>
                      <a:cubicBezTo>
                        <a:pt x="2333" y="208797"/>
                        <a:pt x="418980" y="19404"/>
                        <a:pt x="408030" y="13231"/>
                      </a:cubicBezTo>
                    </a:path>
                  </a:pathLst>
                </a:custGeom>
                <a:solidFill>
                  <a:schemeClr val="accent1"/>
                </a:solidFill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SG"/>
                </a:p>
              </p:txBody>
            </p:sp>
          </p:grpSp>
        </p:grpSp>
        <p:sp>
          <p:nvSpPr>
            <p:cNvPr id="45" name="Right Arrow 44"/>
            <p:cNvSpPr/>
            <p:nvPr/>
          </p:nvSpPr>
          <p:spPr>
            <a:xfrm rot="20013156">
              <a:off x="2748252" y="2873346"/>
              <a:ext cx="972728" cy="343621"/>
            </a:xfrm>
            <a:prstGeom prst="rightArrow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sp>
          <p:nvSpPr>
            <p:cNvPr id="46" name="Right Arrow 45"/>
            <p:cNvSpPr/>
            <p:nvPr/>
          </p:nvSpPr>
          <p:spPr>
            <a:xfrm rot="1827200">
              <a:off x="2742616" y="3759504"/>
              <a:ext cx="972728" cy="343621"/>
            </a:xfrm>
            <a:prstGeom prst="rightArrow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/>
            </a:p>
          </p:txBody>
        </p:sp>
        <p:pic>
          <p:nvPicPr>
            <p:cNvPr id="58" name="Picture 57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571999" y="1544735"/>
              <a:ext cx="1898045" cy="1523181"/>
            </a:xfrm>
            <a:prstGeom prst="rect">
              <a:avLst/>
            </a:prstGeom>
          </p:spPr>
        </p:pic>
      </p:grpSp>
      <p:sp>
        <p:nvSpPr>
          <p:cNvPr id="60" name="TextBox 59"/>
          <p:cNvSpPr txBox="1"/>
          <p:nvPr/>
        </p:nvSpPr>
        <p:spPr>
          <a:xfrm>
            <a:off x="6010702" y="2280225"/>
            <a:ext cx="2952328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2800" dirty="0" smtClean="0"/>
              <a:t>Who will be more successful when they grow up? </a:t>
            </a:r>
            <a:endParaRPr lang="en-SG" sz="2800" dirty="0"/>
          </a:p>
        </p:txBody>
      </p:sp>
      <p:sp>
        <p:nvSpPr>
          <p:cNvPr id="2" name="TextBox 1"/>
          <p:cNvSpPr txBox="1"/>
          <p:nvPr/>
        </p:nvSpPr>
        <p:spPr>
          <a:xfrm>
            <a:off x="6037515" y="3794149"/>
            <a:ext cx="2664296" cy="2031325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What is the measure of success? </a:t>
            </a:r>
          </a:p>
          <a:p>
            <a:pPr marL="285750" indent="-285750" algn="ctr">
              <a:buFont typeface="Wingdings" panose="05000000000000000000" pitchFamily="2" charset="2"/>
              <a:buChar char="§"/>
            </a:pPr>
            <a:r>
              <a:rPr lang="en-SG" dirty="0" smtClean="0"/>
              <a:t>Income</a:t>
            </a:r>
          </a:p>
          <a:p>
            <a:pPr marL="285750" indent="-285750" algn="ctr">
              <a:buFont typeface="Wingdings" panose="05000000000000000000" pitchFamily="2" charset="2"/>
              <a:buChar char="§"/>
            </a:pPr>
            <a:r>
              <a:rPr lang="en-SG" dirty="0" smtClean="0"/>
              <a:t>Job title</a:t>
            </a:r>
          </a:p>
          <a:p>
            <a:pPr marL="285750" indent="-285750" algn="ctr">
              <a:buFont typeface="Wingdings" panose="05000000000000000000" pitchFamily="2" charset="2"/>
              <a:buChar char="§"/>
            </a:pPr>
            <a:r>
              <a:rPr lang="en-SG" dirty="0" smtClean="0"/>
              <a:t>Number of people served</a:t>
            </a:r>
          </a:p>
          <a:p>
            <a:pPr marL="285750" indent="-285750" algn="ctr">
              <a:buFont typeface="Wingdings" panose="05000000000000000000" pitchFamily="2" charset="2"/>
              <a:buChar char="§"/>
            </a:pPr>
            <a:r>
              <a:rPr lang="en-SG" dirty="0" smtClean="0"/>
              <a:t>Happiness</a:t>
            </a:r>
            <a:endParaRPr lang="en-SG" dirty="0"/>
          </a:p>
        </p:txBody>
      </p:sp>
      <p:sp>
        <p:nvSpPr>
          <p:cNvPr id="3" name="TextBox 2"/>
          <p:cNvSpPr txBox="1"/>
          <p:nvPr/>
        </p:nvSpPr>
        <p:spPr>
          <a:xfrm>
            <a:off x="112302" y="4186513"/>
            <a:ext cx="2471738" cy="923330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SG" dirty="0" smtClean="0"/>
              <a:t>The two kids may be very different in character </a:t>
            </a:r>
            <a:endParaRPr lang="en-SG" dirty="0"/>
          </a:p>
        </p:txBody>
      </p:sp>
      <p:sp>
        <p:nvSpPr>
          <p:cNvPr id="38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096024" y="6492875"/>
            <a:ext cx="2895600" cy="365125"/>
          </a:xfrm>
        </p:spPr>
        <p:txBody>
          <a:bodyPr/>
          <a:lstStyle/>
          <a:p>
            <a:r>
              <a:rPr kumimoji="1" lang="en-US" altLang="ja-JP" dirty="0" smtClean="0"/>
              <a:t>Social Service Research Center</a:t>
            </a:r>
            <a:endParaRPr kumimoji="1" lang="ja-JP" altLang="en-US" dirty="0"/>
          </a:p>
        </p:txBody>
      </p:sp>
    </p:spTree>
    <p:extLst>
      <p:ext uri="{BB962C8B-B14F-4D97-AF65-F5344CB8AC3E}">
        <p14:creationId xmlns:p14="http://schemas.microsoft.com/office/powerpoint/2010/main" val="27475709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3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arthtone">
  <a:themeElements>
    <a:clrScheme name="Austin">
      <a:dk1>
        <a:sysClr val="windowText" lastClr="000000"/>
      </a:dk1>
      <a:lt1>
        <a:sysClr val="window" lastClr="FFFFFF"/>
      </a:lt1>
      <a:dk2>
        <a:srgbClr val="3E3D2D"/>
      </a:dk2>
      <a:lt2>
        <a:srgbClr val="CAF278"/>
      </a:lt2>
      <a:accent1>
        <a:srgbClr val="94C600"/>
      </a:accent1>
      <a:accent2>
        <a:srgbClr val="71685A"/>
      </a:accent2>
      <a:accent3>
        <a:srgbClr val="FF6700"/>
      </a:accent3>
      <a:accent4>
        <a:srgbClr val="909465"/>
      </a:accent4>
      <a:accent5>
        <a:srgbClr val="956B43"/>
      </a:accent5>
      <a:accent6>
        <a:srgbClr val="FEA022"/>
      </a:accent6>
      <a:hlink>
        <a:srgbClr val="E68200"/>
      </a:hlink>
      <a:folHlink>
        <a:srgbClr val="FFA94A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456</TotalTime>
  <Words>1100</Words>
  <Application>Microsoft Office PowerPoint</Application>
  <PresentationFormat>On-screen Show (4:3)</PresentationFormat>
  <Paragraphs>196</Paragraphs>
  <Slides>20</Slides>
  <Notes>6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1" baseType="lpstr">
      <vt:lpstr>Earthtone</vt:lpstr>
      <vt:lpstr>Rigorous Evaluation of Social Innovations:  What Does It Take? </vt:lpstr>
      <vt:lpstr>The Need for Social Innovations</vt:lpstr>
      <vt:lpstr>Research Approach</vt:lpstr>
      <vt:lpstr>The Conception of Social Innovations</vt:lpstr>
      <vt:lpstr>Research Approach</vt:lpstr>
      <vt:lpstr>PowerPoint Presentation</vt:lpstr>
      <vt:lpstr>Program Evaluation:  A Mommy’s Dilemma</vt:lpstr>
      <vt:lpstr>Have you ever wondered…</vt:lpstr>
      <vt:lpstr>Suppose time flies… and the kids are grown up and you see their achievements.  What are you thinking right now?</vt:lpstr>
      <vt:lpstr>A very important reason that is often missed out: How did we decide who gets what?</vt:lpstr>
      <vt:lpstr>A very important reason that is often missed out: How did we decide who gets what?</vt:lpstr>
      <vt:lpstr>What Makes a Rigorous Evaluation?</vt:lpstr>
      <vt:lpstr>Common Timeline for Program Evaluation</vt:lpstr>
      <vt:lpstr>Optimal Timeline for Program Evaluation</vt:lpstr>
      <vt:lpstr>Optimal Timeline for Program Evaluation</vt:lpstr>
      <vt:lpstr>Optimal Timeline for Program Evaluation</vt:lpstr>
      <vt:lpstr>What are we missing out?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Qiyan</dc:creator>
  <cp:lastModifiedBy>Qiyan</cp:lastModifiedBy>
  <cp:revision>404</cp:revision>
  <dcterms:created xsi:type="dcterms:W3CDTF">2014-09-23T05:25:55Z</dcterms:created>
  <dcterms:modified xsi:type="dcterms:W3CDTF">2014-09-26T07:58:19Z</dcterms:modified>
</cp:coreProperties>
</file>